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/>
  <mc:AlternateContent xmlns:mc="http://schemas.openxmlformats.org/markup-compatibility/2006">
    <mc:Choice Requires="x15">
      <x15ac:absPath xmlns:x15ac="http://schemas.microsoft.com/office/spreadsheetml/2010/11/ac" url="\\kfs01\s1575\12_環境衛生G\16_建築物衛生法\10_登録申請（名簿はココ）\一覧掲載\R7.10\02_起案\今回データ\"/>
    </mc:Choice>
  </mc:AlternateContent>
  <xr:revisionPtr revIDLastSave="0" documentId="13_ncr:1_{088FB1D4-7EC1-4CD1-AA3C-27B2BA02E2CD}" xr6:coauthVersionLast="47" xr6:coauthVersionMax="47" xr10:uidLastSave="{00000000-0000-0000-0000-000000000000}"/>
  <bookViews>
    <workbookView xWindow="-108" yWindow="-108" windowWidth="23256" windowHeight="13896" xr2:uid="{7DD571AE-500B-45BC-8195-4735D571E7F2}"/>
  </bookViews>
  <sheets>
    <sheet name="５号（貯）登録" sheetId="4" r:id="rId1"/>
  </sheets>
  <definedNames>
    <definedName name="_xlnm.Print_Titles" localSheetId="0">'５号（貯）登録'!$1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768" uniqueCount="751">
  <si>
    <t>239-0836</t>
  </si>
  <si>
    <t>242-0024</t>
  </si>
  <si>
    <t>252-0815</t>
  </si>
  <si>
    <t>250-0012</t>
  </si>
  <si>
    <t>242-0002</t>
  </si>
  <si>
    <t>253-0111</t>
  </si>
  <si>
    <t>250-0032</t>
  </si>
  <si>
    <t>251-0861</t>
  </si>
  <si>
    <t>243-0004</t>
  </si>
  <si>
    <t>243-0035</t>
  </si>
  <si>
    <t>(046)248-0597</t>
  </si>
  <si>
    <t>共栄ビステム(株)</t>
  </si>
  <si>
    <t>(0466)50-2261</t>
  </si>
  <si>
    <t>(有)工匠</t>
  </si>
  <si>
    <t>238-0004</t>
  </si>
  <si>
    <t>254-0052</t>
  </si>
  <si>
    <t>(株)ヤスエコーポレーション</t>
  </si>
  <si>
    <t>259-1132</t>
  </si>
  <si>
    <t>関東代行(株)</t>
  </si>
  <si>
    <t>237-0062</t>
  </si>
  <si>
    <t>(046)865-3780</t>
  </si>
  <si>
    <t>丸和産業(株)</t>
  </si>
  <si>
    <t>(046)275-6732</t>
  </si>
  <si>
    <t>泰朋鉄工(株)</t>
  </si>
  <si>
    <t>251-0043</t>
  </si>
  <si>
    <t>(0466)36-4034</t>
  </si>
  <si>
    <t>(有)弘陽エンタープライズ</t>
  </si>
  <si>
    <t>243-0018</t>
  </si>
  <si>
    <t>(0463)93-7594</t>
  </si>
  <si>
    <t>(株)山友</t>
  </si>
  <si>
    <t>三幸物産(株)</t>
  </si>
  <si>
    <t>(有)杉山産業</t>
  </si>
  <si>
    <t>(046)224-8661</t>
  </si>
  <si>
    <t>(株)アオイ</t>
  </si>
  <si>
    <t>(株)湘南サービスセンター</t>
  </si>
  <si>
    <t>259-1141</t>
  </si>
  <si>
    <t>(0463)95-4381</t>
  </si>
  <si>
    <t>秋山興業(株)</t>
  </si>
  <si>
    <t>(046)224-5559</t>
  </si>
  <si>
    <t>(株)厚木ダイヤプラザ・ビルサービス</t>
  </si>
  <si>
    <t>営業所所在地</t>
  </si>
  <si>
    <t>郵便番号</t>
  </si>
  <si>
    <t>電話番号</t>
  </si>
  <si>
    <t>営業所名</t>
  </si>
  <si>
    <t>登録番号</t>
  </si>
  <si>
    <t>238-0015</t>
  </si>
  <si>
    <t>(有)ティーテックサービス</t>
  </si>
  <si>
    <t>小田原市上新田２７－７</t>
  </si>
  <si>
    <t>250-0877</t>
  </si>
  <si>
    <t>(0465)48-7750</t>
  </si>
  <si>
    <t>(有)ビル環境管理センター</t>
  </si>
  <si>
    <t>254-0041</t>
  </si>
  <si>
    <t>座間市緑ケ丘一丁目３番17 号101</t>
    <phoneticPr fontId="4"/>
  </si>
  <si>
    <t>252-002１</t>
    <phoneticPr fontId="4"/>
  </si>
  <si>
    <t>046-259-8096</t>
    <phoneticPr fontId="4"/>
  </si>
  <si>
    <t>（株）カンナ</t>
    <rPh sb="1" eb="2">
      <t>カブ</t>
    </rPh>
    <phoneticPr fontId="4"/>
  </si>
  <si>
    <t>神奈川県Ｒ７貯第１号</t>
    <phoneticPr fontId="4"/>
  </si>
  <si>
    <t>寒川町大曲３－６－11</t>
    <rPh sb="0" eb="3">
      <t>サムカワマチ</t>
    </rPh>
    <rPh sb="3" eb="5">
      <t>オオマガリ</t>
    </rPh>
    <phoneticPr fontId="4"/>
  </si>
  <si>
    <t>253-0113</t>
    <phoneticPr fontId="4"/>
  </si>
  <si>
    <t>0467-51-6171</t>
    <phoneticPr fontId="4"/>
  </si>
  <si>
    <t>ホクリョウ住設(株)</t>
    <rPh sb="5" eb="7">
      <t>ジュウセツ</t>
    </rPh>
    <rPh sb="8" eb="9">
      <t>カブ</t>
    </rPh>
    <phoneticPr fontId="4"/>
  </si>
  <si>
    <t>神奈川県Ｒ６貯第７号</t>
  </si>
  <si>
    <t>藤沢市遠藤1544番地の２</t>
    <phoneticPr fontId="4"/>
  </si>
  <si>
    <t>252-0816</t>
    <phoneticPr fontId="4"/>
  </si>
  <si>
    <t>0466-87-9976</t>
    <phoneticPr fontId="4"/>
  </si>
  <si>
    <t>(株)出羽商会</t>
    <rPh sb="1" eb="2">
      <t>カブ</t>
    </rPh>
    <phoneticPr fontId="4"/>
  </si>
  <si>
    <t>神奈川県Ｒ６貯第６号</t>
  </si>
  <si>
    <t>平塚市片岡６８８－４</t>
    <phoneticPr fontId="4"/>
  </si>
  <si>
    <t>259-1213</t>
    <phoneticPr fontId="4"/>
  </si>
  <si>
    <t>(0463)74-6525</t>
    <phoneticPr fontId="4"/>
  </si>
  <si>
    <t>(株)ミクマリ工業</t>
    <rPh sb="1" eb="2">
      <t>カブ</t>
    </rPh>
    <phoneticPr fontId="4"/>
  </si>
  <si>
    <t>神奈川県Ｒ６貯第５号</t>
    <phoneticPr fontId="4"/>
  </si>
  <si>
    <t>平塚市東豊田 369番地</t>
    <phoneticPr fontId="4"/>
  </si>
  <si>
    <t>254-0082</t>
    <phoneticPr fontId="4"/>
  </si>
  <si>
    <t>(0463)53-2222</t>
    <phoneticPr fontId="4"/>
  </si>
  <si>
    <t>(株)ダイワ</t>
    <phoneticPr fontId="4"/>
  </si>
  <si>
    <t>神奈川県R６貯第４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藤沢市羽鳥四丁目11番15号</t>
    <rPh sb="0" eb="3">
      <t>フジサワシ</t>
    </rPh>
    <rPh sb="3" eb="4">
      <t>ハ</t>
    </rPh>
    <rPh sb="4" eb="5">
      <t>トリ</t>
    </rPh>
    <rPh sb="5" eb="8">
      <t>ヨンチョウメ</t>
    </rPh>
    <rPh sb="10" eb="11">
      <t>バン</t>
    </rPh>
    <rPh sb="13" eb="14">
      <t>ゴウ</t>
    </rPh>
    <phoneticPr fontId="4"/>
  </si>
  <si>
    <t>222-0056</t>
    <phoneticPr fontId="4"/>
  </si>
  <si>
    <t>0466-34-2411</t>
    <phoneticPr fontId="4"/>
  </si>
  <si>
    <t>(株)ニコー</t>
    <rPh sb="0" eb="3">
      <t>カブ</t>
    </rPh>
    <phoneticPr fontId="4"/>
  </si>
  <si>
    <t>神奈川県R６貯第３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横須賀市野比四丁目13番18号</t>
    <rPh sb="0" eb="4">
      <t>ヨコスカシ</t>
    </rPh>
    <rPh sb="4" eb="5">
      <t>ノ</t>
    </rPh>
    <rPh sb="6" eb="9">
      <t>ヨンチョウメ</t>
    </rPh>
    <rPh sb="11" eb="12">
      <t>バン</t>
    </rPh>
    <rPh sb="14" eb="15">
      <t>ゴウ</t>
    </rPh>
    <phoneticPr fontId="4"/>
  </si>
  <si>
    <t>239-0841</t>
    <phoneticPr fontId="4"/>
  </si>
  <si>
    <t>046-848-0946</t>
    <phoneticPr fontId="4"/>
  </si>
  <si>
    <t>(株)小山ビルド</t>
    <rPh sb="0" eb="3">
      <t>カブ</t>
    </rPh>
    <rPh sb="3" eb="5">
      <t>コヤマ</t>
    </rPh>
    <phoneticPr fontId="4"/>
  </si>
  <si>
    <t>神奈川県R６貯第２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小田原市栢山2430</t>
    <phoneticPr fontId="4"/>
  </si>
  <si>
    <t>250-0852</t>
    <phoneticPr fontId="4"/>
  </si>
  <si>
    <t>0465-37-6001</t>
    <phoneticPr fontId="4"/>
  </si>
  <si>
    <t>サーヴ住設（株）</t>
    <phoneticPr fontId="4"/>
  </si>
  <si>
    <t>神奈川県R６貯第１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大和市南林間六丁目24番11号</t>
    <phoneticPr fontId="4"/>
  </si>
  <si>
    <t>242-0006</t>
    <phoneticPr fontId="4"/>
  </si>
  <si>
    <t>(046)205-0350</t>
    <phoneticPr fontId="4"/>
  </si>
  <si>
    <t>(株)Ｉｄｏ</t>
    <rPh sb="0" eb="3">
      <t>カブ</t>
    </rPh>
    <phoneticPr fontId="4"/>
  </si>
  <si>
    <t>神奈川県R５貯第１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平塚市山下４９２－４</t>
    <phoneticPr fontId="4"/>
  </si>
  <si>
    <t>254-0911</t>
    <phoneticPr fontId="4"/>
  </si>
  <si>
    <t>(0
90)3576-7632</t>
    <phoneticPr fontId="4"/>
  </si>
  <si>
    <t>(株)ネイション</t>
    <rPh sb="0" eb="3">
      <t>カブ</t>
    </rPh>
    <phoneticPr fontId="4"/>
  </si>
  <si>
    <t>神奈川県R４貯第３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座間市入谷西二丁目18番27号</t>
    <phoneticPr fontId="4"/>
  </si>
  <si>
    <t>252-0029</t>
    <phoneticPr fontId="4"/>
  </si>
  <si>
    <t>（046）251-1852</t>
    <phoneticPr fontId="4"/>
  </si>
  <si>
    <t>(有)日本パイプ環境サービス</t>
    <rPh sb="0" eb="3">
      <t>ユウゲンガイシャ</t>
    </rPh>
    <rPh sb="3" eb="5">
      <t>ニホン</t>
    </rPh>
    <rPh sb="8" eb="10">
      <t>カンキョウ</t>
    </rPh>
    <phoneticPr fontId="4"/>
  </si>
  <si>
    <t>神奈川県R４貯第２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厚木市戸室一丁目７番１５号サンライズ戸室B</t>
    <phoneticPr fontId="4"/>
  </si>
  <si>
    <t>243-0031</t>
    <phoneticPr fontId="4"/>
  </si>
  <si>
    <t>(046)222-9000</t>
    <phoneticPr fontId="4"/>
  </si>
  <si>
    <t>(有)グッドフェローズ</t>
    <rPh sb="0" eb="3">
      <t>ユウゲンガイシャ</t>
    </rPh>
    <phoneticPr fontId="4"/>
  </si>
  <si>
    <t>神奈川県R４貯第１号</t>
    <rPh sb="0" eb="3">
      <t>カナガワ</t>
    </rPh>
    <rPh sb="3" eb="4">
      <t>ケン</t>
    </rPh>
    <rPh sb="6" eb="7">
      <t>チョ</t>
    </rPh>
    <rPh sb="7" eb="8">
      <t>ダイ</t>
    </rPh>
    <rPh sb="9" eb="10">
      <t>ゴウ</t>
    </rPh>
    <phoneticPr fontId="4"/>
  </si>
  <si>
    <t>厚木市中町四丁目1番10号朝日生命厚木ビル４階</t>
    <rPh sb="5" eb="6">
      <t>ヨン</t>
    </rPh>
    <phoneticPr fontId="4"/>
  </si>
  <si>
    <t>243-0018</t>
    <phoneticPr fontId="4"/>
  </si>
  <si>
    <t>（046）222-5476</t>
    <phoneticPr fontId="4"/>
  </si>
  <si>
    <t>三幸(株)　南関東支店</t>
    <rPh sb="2" eb="5">
      <t>カブ</t>
    </rPh>
    <rPh sb="6" eb="7">
      <t>ミナミ</t>
    </rPh>
    <rPh sb="7" eb="9">
      <t>カントウ</t>
    </rPh>
    <rPh sb="9" eb="11">
      <t>シテン</t>
    </rPh>
    <phoneticPr fontId="4"/>
  </si>
  <si>
    <t>神奈川県R３貯第４号</t>
    <rPh sb="0" eb="3">
      <t>カナガワ</t>
    </rPh>
    <rPh sb="3" eb="4">
      <t>ケン</t>
    </rPh>
    <rPh sb="6" eb="7">
      <t>チョ</t>
    </rPh>
    <rPh sb="7" eb="8">
      <t>ダイ</t>
    </rPh>
    <rPh sb="9" eb="10">
      <t>ゴウ</t>
    </rPh>
    <phoneticPr fontId="4"/>
  </si>
  <si>
    <t>大和市福田１－４－５山下ビルⅠ １号室</t>
    <phoneticPr fontId="4"/>
  </si>
  <si>
    <t>242-0024</t>
    <phoneticPr fontId="4"/>
  </si>
  <si>
    <t>(046)205-4411</t>
    <phoneticPr fontId="4"/>
  </si>
  <si>
    <t>(株)アメニティ・プラス</t>
    <rPh sb="0" eb="3">
      <t>カブ</t>
    </rPh>
    <phoneticPr fontId="4"/>
  </si>
  <si>
    <t>神奈川県R３貯第３号</t>
    <rPh sb="0" eb="3">
      <t>カナガワ</t>
    </rPh>
    <rPh sb="3" eb="4">
      <t>ケン</t>
    </rPh>
    <rPh sb="6" eb="7">
      <t>チョ</t>
    </rPh>
    <rPh sb="7" eb="8">
      <t>ダイ</t>
    </rPh>
    <rPh sb="9" eb="10">
      <t>ゴウ</t>
    </rPh>
    <phoneticPr fontId="4"/>
  </si>
  <si>
    <t>平塚市夕陽ケ丘20番14号</t>
    <rPh sb="0" eb="3">
      <t>ヒラツカシ</t>
    </rPh>
    <rPh sb="3" eb="5">
      <t>ユウヒ</t>
    </rPh>
    <rPh sb="6" eb="7">
      <t>オカ</t>
    </rPh>
    <rPh sb="9" eb="10">
      <t>バン</t>
    </rPh>
    <rPh sb="12" eb="13">
      <t>ゴウ</t>
    </rPh>
    <phoneticPr fontId="4"/>
  </si>
  <si>
    <t>254-0806</t>
    <phoneticPr fontId="4"/>
  </si>
  <si>
    <t>(0463)79-9940</t>
    <phoneticPr fontId="4"/>
  </si>
  <si>
    <t>オーディーエー(株)　平塚営業所</t>
    <rPh sb="7" eb="10">
      <t>カブ</t>
    </rPh>
    <rPh sb="11" eb="13">
      <t>ヒラツカ</t>
    </rPh>
    <rPh sb="13" eb="16">
      <t>エイギョウショ</t>
    </rPh>
    <phoneticPr fontId="4"/>
  </si>
  <si>
    <t>神奈川県R３貯第２号</t>
    <rPh sb="0" eb="3">
      <t>カナガワ</t>
    </rPh>
    <rPh sb="3" eb="4">
      <t>ケン</t>
    </rPh>
    <rPh sb="6" eb="7">
      <t>チョ</t>
    </rPh>
    <rPh sb="7" eb="8">
      <t>ダイ</t>
    </rPh>
    <rPh sb="9" eb="10">
      <t>ゴウ</t>
    </rPh>
    <phoneticPr fontId="4"/>
  </si>
  <si>
    <t>横須賀市大矢部三丁目18番２号</t>
    <rPh sb="0" eb="4">
      <t>ヨコスカシ</t>
    </rPh>
    <rPh sb="4" eb="7">
      <t>オオヤベ</t>
    </rPh>
    <rPh sb="7" eb="8">
      <t>サン</t>
    </rPh>
    <rPh sb="8" eb="10">
      <t>チョウメ</t>
    </rPh>
    <rPh sb="12" eb="13">
      <t>バン</t>
    </rPh>
    <rPh sb="14" eb="15">
      <t>ゴウ</t>
    </rPh>
    <phoneticPr fontId="4"/>
  </si>
  <si>
    <t>238-0024</t>
    <phoneticPr fontId="4"/>
  </si>
  <si>
    <t>(046)830-3161</t>
    <phoneticPr fontId="4"/>
  </si>
  <si>
    <t>清水産業(有)</t>
    <rPh sb="0" eb="2">
      <t>シミズ</t>
    </rPh>
    <rPh sb="2" eb="4">
      <t>サンギョウ</t>
    </rPh>
    <rPh sb="4" eb="7">
      <t>ユウ</t>
    </rPh>
    <phoneticPr fontId="4"/>
  </si>
  <si>
    <t>神奈川県R３貯第１号</t>
    <rPh sb="0" eb="3">
      <t>カナガワ</t>
    </rPh>
    <rPh sb="3" eb="4">
      <t>ケン</t>
    </rPh>
    <rPh sb="6" eb="7">
      <t>チョ</t>
    </rPh>
    <rPh sb="7" eb="8">
      <t>ダイ</t>
    </rPh>
    <rPh sb="9" eb="10">
      <t>ゴウ</t>
    </rPh>
    <phoneticPr fontId="4"/>
  </si>
  <si>
    <t>座間市緑ケ丘１－３－17　コーポＹ・Ｆ１０２</t>
    <rPh sb="0" eb="3">
      <t>ザマシ</t>
    </rPh>
    <rPh sb="3" eb="4">
      <t>ミドリ</t>
    </rPh>
    <rPh sb="5" eb="6">
      <t>オカ</t>
    </rPh>
    <phoneticPr fontId="4"/>
  </si>
  <si>
    <t>252-0021</t>
    <phoneticPr fontId="4"/>
  </si>
  <si>
    <t>(046)240-0224</t>
    <phoneticPr fontId="4"/>
  </si>
  <si>
    <t>(株)ＴＣＳ</t>
    <rPh sb="0" eb="3">
      <t>カブ</t>
    </rPh>
    <phoneticPr fontId="4"/>
  </si>
  <si>
    <t>神奈川県R２貯第４号</t>
    <rPh sb="0" eb="3">
      <t>カナガワ</t>
    </rPh>
    <rPh sb="3" eb="4">
      <t>ケン</t>
    </rPh>
    <rPh sb="6" eb="7">
      <t>チョ</t>
    </rPh>
    <rPh sb="7" eb="8">
      <t>ダイ</t>
    </rPh>
    <rPh sb="9" eb="10">
      <t>ゴウ</t>
    </rPh>
    <phoneticPr fontId="4"/>
  </si>
  <si>
    <t>鎌倉市常盤241－３－101</t>
    <phoneticPr fontId="4"/>
  </si>
  <si>
    <t>248-0022</t>
    <phoneticPr fontId="4"/>
  </si>
  <si>
    <t>(0467)38-7452</t>
    <phoneticPr fontId="4"/>
  </si>
  <si>
    <t>(株)LINKS</t>
    <rPh sb="0" eb="3">
      <t>カブ</t>
    </rPh>
    <phoneticPr fontId="4"/>
  </si>
  <si>
    <t>神奈川県R２貯第３号</t>
    <rPh sb="0" eb="3">
      <t>カナガワ</t>
    </rPh>
    <rPh sb="3" eb="4">
      <t>ケン</t>
    </rPh>
    <rPh sb="6" eb="7">
      <t>チョ</t>
    </rPh>
    <rPh sb="7" eb="8">
      <t>ダイ</t>
    </rPh>
    <rPh sb="9" eb="10">
      <t>ゴウ</t>
    </rPh>
    <phoneticPr fontId="4"/>
  </si>
  <si>
    <t>平塚市四之宮６丁目６番８９－３号</t>
    <rPh sb="7" eb="9">
      <t>チョウメ</t>
    </rPh>
    <rPh sb="10" eb="11">
      <t>バン</t>
    </rPh>
    <rPh sb="15" eb="16">
      <t>ゴウ</t>
    </rPh>
    <phoneticPr fontId="4"/>
  </si>
  <si>
    <t>254-0014</t>
    <phoneticPr fontId="4"/>
  </si>
  <si>
    <t>(0463)20-9082</t>
    <phoneticPr fontId="4"/>
  </si>
  <si>
    <t>(株)エスアンドディー</t>
    <rPh sb="0" eb="3">
      <t>カブ</t>
    </rPh>
    <phoneticPr fontId="4"/>
  </si>
  <si>
    <t>神奈川県R２貯第２号</t>
    <rPh sb="0" eb="3">
      <t>カナガワ</t>
    </rPh>
    <rPh sb="3" eb="4">
      <t>ケン</t>
    </rPh>
    <rPh sb="6" eb="7">
      <t>チョ</t>
    </rPh>
    <rPh sb="7" eb="8">
      <t>ダイ</t>
    </rPh>
    <rPh sb="9" eb="10">
      <t>ゴウ</t>
    </rPh>
    <phoneticPr fontId="4"/>
  </si>
  <si>
    <t>綾瀬市寺尾南３－１６－１２</t>
    <phoneticPr fontId="4"/>
  </si>
  <si>
    <t>252-1134</t>
    <phoneticPr fontId="4"/>
  </si>
  <si>
    <t>0467-79-5133</t>
    <phoneticPr fontId="4"/>
  </si>
  <si>
    <t>(有)ライフガード</t>
    <rPh sb="0" eb="3">
      <t>ユウ</t>
    </rPh>
    <phoneticPr fontId="4"/>
  </si>
  <si>
    <t>神奈川県R２貯第１号</t>
    <rPh sb="0" eb="3">
      <t>カナガワ</t>
    </rPh>
    <rPh sb="3" eb="4">
      <t>ケン</t>
    </rPh>
    <rPh sb="6" eb="7">
      <t>チョ</t>
    </rPh>
    <rPh sb="7" eb="8">
      <t>ダイ</t>
    </rPh>
    <rPh sb="9" eb="10">
      <t>ゴウ</t>
    </rPh>
    <phoneticPr fontId="4"/>
  </si>
  <si>
    <t>小田原市早川２－12－13</t>
    <rPh sb="0" eb="4">
      <t>オダワラシ</t>
    </rPh>
    <rPh sb="4" eb="6">
      <t>ハヤカワ</t>
    </rPh>
    <phoneticPr fontId="4"/>
  </si>
  <si>
    <t>250-0021</t>
    <phoneticPr fontId="4"/>
  </si>
  <si>
    <t>0465-22-8923</t>
    <phoneticPr fontId="4"/>
  </si>
  <si>
    <t>(株)創伸</t>
    <rPh sb="0" eb="3">
      <t>カブ</t>
    </rPh>
    <rPh sb="3" eb="4">
      <t>キズ</t>
    </rPh>
    <rPh sb="4" eb="5">
      <t>シン</t>
    </rPh>
    <phoneticPr fontId="4"/>
  </si>
  <si>
    <t>神奈川県31貯第５号</t>
    <rPh sb="0" eb="3">
      <t>カナガワ</t>
    </rPh>
    <rPh sb="3" eb="4">
      <t>ケン</t>
    </rPh>
    <rPh sb="6" eb="7">
      <t>チョ</t>
    </rPh>
    <rPh sb="7" eb="8">
      <t>ダイ</t>
    </rPh>
    <rPh sb="9" eb="10">
      <t>ゴウ</t>
    </rPh>
    <phoneticPr fontId="4"/>
  </si>
  <si>
    <t>大和市代官１－１－28　大橋代官工場２号室</t>
    <phoneticPr fontId="4"/>
  </si>
  <si>
    <t>242-0025</t>
    <phoneticPr fontId="4"/>
  </si>
  <si>
    <t>046-200-9313</t>
    <phoneticPr fontId="4"/>
  </si>
  <si>
    <t>グリーンポンプサービス(株)</t>
    <rPh sb="11" eb="14">
      <t>カブ</t>
    </rPh>
    <phoneticPr fontId="4"/>
  </si>
  <si>
    <t>神奈川県31貯第４号</t>
    <rPh sb="0" eb="3">
      <t>カナガワ</t>
    </rPh>
    <rPh sb="3" eb="4">
      <t>ケン</t>
    </rPh>
    <rPh sb="6" eb="7">
      <t>チョ</t>
    </rPh>
    <rPh sb="7" eb="8">
      <t>ダイ</t>
    </rPh>
    <rPh sb="9" eb="10">
      <t>ゴウ</t>
    </rPh>
    <phoneticPr fontId="4"/>
  </si>
  <si>
    <t>厚木市栄町１－２－１</t>
    <phoneticPr fontId="4"/>
  </si>
  <si>
    <t>243-0017</t>
    <phoneticPr fontId="4"/>
  </si>
  <si>
    <t>046-223-2141</t>
    <phoneticPr fontId="4"/>
  </si>
  <si>
    <t>(株)ケッセル</t>
    <rPh sb="0" eb="3">
      <t>カブ</t>
    </rPh>
    <phoneticPr fontId="4"/>
  </si>
  <si>
    <t>神奈川県31貯第３号</t>
    <rPh sb="0" eb="3">
      <t>カナガワ</t>
    </rPh>
    <rPh sb="3" eb="4">
      <t>ケン</t>
    </rPh>
    <rPh sb="6" eb="7">
      <t>チョ</t>
    </rPh>
    <rPh sb="7" eb="8">
      <t>ダイ</t>
    </rPh>
    <rPh sb="9" eb="10">
      <t>ゴウ</t>
    </rPh>
    <phoneticPr fontId="4"/>
  </si>
  <si>
    <t>綾瀬市本蓼川字新道453</t>
    <phoneticPr fontId="4"/>
  </si>
  <si>
    <t>252-1102</t>
    <phoneticPr fontId="4"/>
  </si>
  <si>
    <t>0467-79-5123</t>
    <phoneticPr fontId="4"/>
  </si>
  <si>
    <t>(有)ナンバーワンサービス</t>
    <rPh sb="0" eb="3">
      <t>ユウゲンガイシャ</t>
    </rPh>
    <phoneticPr fontId="4"/>
  </si>
  <si>
    <t>神奈川県31貯第２号</t>
    <rPh sb="0" eb="3">
      <t>カナガワ</t>
    </rPh>
    <rPh sb="3" eb="4">
      <t>ケン</t>
    </rPh>
    <rPh sb="6" eb="7">
      <t>チョ</t>
    </rPh>
    <rPh sb="7" eb="8">
      <t>ダイ</t>
    </rPh>
    <rPh sb="9" eb="10">
      <t>ゴウ</t>
    </rPh>
    <phoneticPr fontId="4"/>
  </si>
  <si>
    <t>厚木市酒井５７３－１</t>
    <phoneticPr fontId="4"/>
  </si>
  <si>
    <t>243-0022</t>
    <phoneticPr fontId="4"/>
  </si>
  <si>
    <t>046-281-9910</t>
    <phoneticPr fontId="4"/>
  </si>
  <si>
    <t>(株)マルシンビルサービス</t>
    <rPh sb="0" eb="3">
      <t>カブ</t>
    </rPh>
    <phoneticPr fontId="4"/>
  </si>
  <si>
    <t>神奈川県31貯第１号</t>
    <rPh sb="0" eb="3">
      <t>カナガワ</t>
    </rPh>
    <rPh sb="3" eb="4">
      <t>ケン</t>
    </rPh>
    <rPh sb="6" eb="7">
      <t>チョ</t>
    </rPh>
    <rPh sb="7" eb="8">
      <t>ダイ</t>
    </rPh>
    <rPh sb="9" eb="10">
      <t>ゴウ</t>
    </rPh>
    <phoneticPr fontId="4"/>
  </si>
  <si>
    <t>高座郡寒川町大曲二丁目８番14号</t>
    <rPh sb="0" eb="2">
      <t>コウザ</t>
    </rPh>
    <rPh sb="2" eb="3">
      <t>グン</t>
    </rPh>
    <rPh sb="3" eb="6">
      <t>サムカワマチ</t>
    </rPh>
    <rPh sb="6" eb="8">
      <t>オオマガリ</t>
    </rPh>
    <rPh sb="8" eb="11">
      <t>ニチョウメ</t>
    </rPh>
    <rPh sb="12" eb="13">
      <t>バン</t>
    </rPh>
    <rPh sb="15" eb="16">
      <t>ゴウ</t>
    </rPh>
    <phoneticPr fontId="4"/>
  </si>
  <si>
    <t>253-0045</t>
    <phoneticPr fontId="4"/>
  </si>
  <si>
    <t>0467-91-5712</t>
    <phoneticPr fontId="4"/>
  </si>
  <si>
    <t>(株)ＳＫサービス</t>
    <rPh sb="0" eb="3">
      <t>カブ</t>
    </rPh>
    <phoneticPr fontId="4"/>
  </si>
  <si>
    <t>神奈川県30貯第２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大和市草柳３－６－４　草柳364西工場４号</t>
    <rPh sb="0" eb="3">
      <t>ヤマトシ</t>
    </rPh>
    <rPh sb="3" eb="5">
      <t>クサヤナギ</t>
    </rPh>
    <rPh sb="11" eb="13">
      <t>クサヤナギ</t>
    </rPh>
    <rPh sb="16" eb="17">
      <t>ニシ</t>
    </rPh>
    <rPh sb="17" eb="19">
      <t>コウジョウ</t>
    </rPh>
    <rPh sb="20" eb="21">
      <t>ゴウ</t>
    </rPh>
    <phoneticPr fontId="4"/>
  </si>
  <si>
    <t>242-0026</t>
    <phoneticPr fontId="4"/>
  </si>
  <si>
    <t>046-240-9128</t>
    <phoneticPr fontId="4"/>
  </si>
  <si>
    <t>(株)リアン</t>
    <rPh sb="0" eb="3">
      <t>カブ</t>
    </rPh>
    <phoneticPr fontId="4"/>
  </si>
  <si>
    <t>神奈川県30貯第１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大和市つきみ野一丁目１番地７－401</t>
    <rPh sb="0" eb="3">
      <t>ヤマトシ</t>
    </rPh>
    <rPh sb="6" eb="7">
      <t>ノ</t>
    </rPh>
    <rPh sb="7" eb="10">
      <t>イッチョウメ</t>
    </rPh>
    <rPh sb="11" eb="13">
      <t>バンチ</t>
    </rPh>
    <phoneticPr fontId="4"/>
  </si>
  <si>
    <t>242-0002</t>
    <phoneticPr fontId="4"/>
  </si>
  <si>
    <t>(046)211-9000</t>
    <phoneticPr fontId="4"/>
  </si>
  <si>
    <t>(株)コスコ</t>
    <phoneticPr fontId="4"/>
  </si>
  <si>
    <t>神奈川県29貯第３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厚木市戸室一丁目２８番２７号　ＧＫ厚木マンション１０２号</t>
    <rPh sb="0" eb="2">
      <t>アツギ</t>
    </rPh>
    <rPh sb="2" eb="3">
      <t>シ</t>
    </rPh>
    <rPh sb="3" eb="5">
      <t>トムロ</t>
    </rPh>
    <rPh sb="5" eb="8">
      <t>イッチョウメ</t>
    </rPh>
    <rPh sb="10" eb="11">
      <t>バン</t>
    </rPh>
    <rPh sb="13" eb="14">
      <t>ゴウ</t>
    </rPh>
    <rPh sb="17" eb="19">
      <t>アツギ</t>
    </rPh>
    <rPh sb="27" eb="28">
      <t>ゴウ</t>
    </rPh>
    <phoneticPr fontId="4"/>
  </si>
  <si>
    <t>(046)259-9280</t>
    <phoneticPr fontId="4"/>
  </si>
  <si>
    <t>YT．r（株）</t>
    <rPh sb="4" eb="7">
      <t>カブ</t>
    </rPh>
    <phoneticPr fontId="4"/>
  </si>
  <si>
    <t>神奈川県29貯第１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平塚市見附町４６－３１－２１４</t>
    <rPh sb="0" eb="3">
      <t>ヒラツカシ</t>
    </rPh>
    <rPh sb="3" eb="6">
      <t>ミツケチョウ</t>
    </rPh>
    <phoneticPr fontId="4"/>
  </si>
  <si>
    <t>254-0045</t>
    <phoneticPr fontId="4"/>
  </si>
  <si>
    <t>(0463)71-5105</t>
    <phoneticPr fontId="4"/>
  </si>
  <si>
    <t>(株)ジンダイ　平塚支店</t>
    <rPh sb="1" eb="2">
      <t>カブ</t>
    </rPh>
    <rPh sb="8" eb="10">
      <t>ヒラツカ</t>
    </rPh>
    <rPh sb="10" eb="12">
      <t>シテン</t>
    </rPh>
    <phoneticPr fontId="4"/>
  </si>
  <si>
    <t>神奈川県28貯第４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厚木市中町一丁目８番７号ジュネパレス厚木２－２０１号</t>
    <rPh sb="0" eb="3">
      <t>アツギシ</t>
    </rPh>
    <rPh sb="3" eb="5">
      <t>ナカマチ</t>
    </rPh>
    <rPh sb="5" eb="8">
      <t>１チョウメ</t>
    </rPh>
    <rPh sb="9" eb="10">
      <t>バン</t>
    </rPh>
    <rPh sb="11" eb="12">
      <t>ゴウ</t>
    </rPh>
    <rPh sb="18" eb="20">
      <t>アツギ</t>
    </rPh>
    <rPh sb="25" eb="26">
      <t>ゴウ</t>
    </rPh>
    <phoneticPr fontId="4"/>
  </si>
  <si>
    <t>(046)224-9800</t>
    <phoneticPr fontId="4"/>
  </si>
  <si>
    <t>(株)高揚</t>
    <rPh sb="0" eb="3">
      <t>カブ</t>
    </rPh>
    <rPh sb="3" eb="5">
      <t>コウヨウ</t>
    </rPh>
    <phoneticPr fontId="4"/>
  </si>
  <si>
    <t>神奈川県28貯第３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平塚市諏訪町２４－１１　ぱーくさいど伊勢１０２</t>
    <rPh sb="0" eb="3">
      <t>ヒラツカシ</t>
    </rPh>
    <rPh sb="3" eb="6">
      <t>スワチョウ</t>
    </rPh>
    <rPh sb="18" eb="20">
      <t>イセ</t>
    </rPh>
    <phoneticPr fontId="4"/>
  </si>
  <si>
    <t>254-0063</t>
    <phoneticPr fontId="4"/>
  </si>
  <si>
    <t>(0463)33-7516</t>
    <phoneticPr fontId="4"/>
  </si>
  <si>
    <t>(株)武翔総合管理　平塚支店</t>
    <rPh sb="1" eb="2">
      <t>カブ</t>
    </rPh>
    <rPh sb="3" eb="4">
      <t>タケ</t>
    </rPh>
    <rPh sb="4" eb="5">
      <t>ショウ</t>
    </rPh>
    <rPh sb="5" eb="7">
      <t>ソウゴウ</t>
    </rPh>
    <rPh sb="7" eb="9">
      <t>カンリ</t>
    </rPh>
    <rPh sb="10" eb="12">
      <t>ヒラツカ</t>
    </rPh>
    <rPh sb="12" eb="14">
      <t>シテン</t>
    </rPh>
    <phoneticPr fontId="4"/>
  </si>
  <si>
    <t>神奈川県28貯第２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大和市深見3810番地</t>
    <rPh sb="0" eb="3">
      <t>ヤマトシ</t>
    </rPh>
    <rPh sb="3" eb="5">
      <t>フカミ</t>
    </rPh>
    <rPh sb="9" eb="11">
      <t>バンチ</t>
    </rPh>
    <phoneticPr fontId="4"/>
  </si>
  <si>
    <t>242-0011</t>
    <phoneticPr fontId="4"/>
  </si>
  <si>
    <t>（046）264-3000</t>
    <phoneticPr fontId="4"/>
  </si>
  <si>
    <t>東洋興業（株）</t>
    <rPh sb="0" eb="2">
      <t>トウヨウ</t>
    </rPh>
    <rPh sb="2" eb="4">
      <t>コウギョウ</t>
    </rPh>
    <rPh sb="5" eb="6">
      <t>カブ</t>
    </rPh>
    <phoneticPr fontId="4"/>
  </si>
  <si>
    <t>神奈川県28貯第１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座間市相武台二丁目39番６号</t>
    <rPh sb="0" eb="3">
      <t>ザマシ</t>
    </rPh>
    <rPh sb="6" eb="9">
      <t>２チョウメ</t>
    </rPh>
    <rPh sb="11" eb="12">
      <t>バン</t>
    </rPh>
    <rPh sb="13" eb="14">
      <t>ゴウ</t>
    </rPh>
    <phoneticPr fontId="4"/>
  </si>
  <si>
    <t>252-0011</t>
    <phoneticPr fontId="4"/>
  </si>
  <si>
    <t>(046)258-0850</t>
    <phoneticPr fontId="4"/>
  </si>
  <si>
    <t>(株)さくらメンテナンス</t>
    <rPh sb="0" eb="3">
      <t>カブ</t>
    </rPh>
    <phoneticPr fontId="4"/>
  </si>
  <si>
    <t>神奈川県27貯第５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平塚市平塚四丁目３３番６号</t>
    <phoneticPr fontId="4"/>
  </si>
  <si>
    <t>254-0052</t>
    <phoneticPr fontId="4"/>
  </si>
  <si>
    <t>(0463)35-7654</t>
    <phoneticPr fontId="4"/>
  </si>
  <si>
    <t>神奈川県27貯第３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平塚市平塚二丁目２４番８号</t>
    <phoneticPr fontId="4"/>
  </si>
  <si>
    <t>(0463)31-8863</t>
    <phoneticPr fontId="4"/>
  </si>
  <si>
    <t>神奈川県27貯第２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平塚市片岡777</t>
    <rPh sb="0" eb="3">
      <t>ヒラツカシ</t>
    </rPh>
    <phoneticPr fontId="4"/>
  </si>
  <si>
    <t>259-1213</t>
  </si>
  <si>
    <t>（0463）50-5020</t>
    <phoneticPr fontId="4"/>
  </si>
  <si>
    <t>ヴェオリア・ジェネッツ（株）南関東事業所</t>
    <rPh sb="17" eb="20">
      <t>ジギョウショ</t>
    </rPh>
    <phoneticPr fontId="4"/>
  </si>
  <si>
    <t>神奈川県27貯第１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寒川町小谷１丁目４番３号</t>
    <rPh sb="0" eb="2">
      <t>サムカワ</t>
    </rPh>
    <rPh sb="2" eb="3">
      <t>マチ</t>
    </rPh>
    <rPh sb="3" eb="5">
      <t>コタニ</t>
    </rPh>
    <rPh sb="6" eb="8">
      <t>チョウメ</t>
    </rPh>
    <rPh sb="9" eb="10">
      <t>バン</t>
    </rPh>
    <rPh sb="11" eb="12">
      <t>ゴウ</t>
    </rPh>
    <phoneticPr fontId="4"/>
  </si>
  <si>
    <t>253-0103</t>
    <phoneticPr fontId="4"/>
  </si>
  <si>
    <t>(0467)74-2874</t>
    <phoneticPr fontId="4"/>
  </si>
  <si>
    <t>(株)アッシュ</t>
    <rPh sb="0" eb="3">
      <t>カブ</t>
    </rPh>
    <phoneticPr fontId="4"/>
  </si>
  <si>
    <t>神奈川県26貯第６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横須賀市小川町25番地１</t>
    <rPh sb="0" eb="4">
      <t>ヨコスカシ</t>
    </rPh>
    <rPh sb="4" eb="7">
      <t>オガワチョウ</t>
    </rPh>
    <rPh sb="9" eb="11">
      <t>バンチ</t>
    </rPh>
    <phoneticPr fontId="4"/>
  </si>
  <si>
    <t>238-0004</t>
    <phoneticPr fontId="4"/>
  </si>
  <si>
    <t>(046)825-2345</t>
    <phoneticPr fontId="4"/>
  </si>
  <si>
    <t>横須賀管工事協同組合</t>
    <rPh sb="0" eb="3">
      <t>ヨコスカ</t>
    </rPh>
    <rPh sb="3" eb="4">
      <t>カン</t>
    </rPh>
    <rPh sb="4" eb="6">
      <t>コウジ</t>
    </rPh>
    <rPh sb="6" eb="8">
      <t>キョウドウ</t>
    </rPh>
    <rPh sb="8" eb="10">
      <t>クミアイ</t>
    </rPh>
    <phoneticPr fontId="4"/>
  </si>
  <si>
    <t>神奈川県26貯第５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平塚市西八幡三丁目８番18号</t>
    <rPh sb="0" eb="2">
      <t>ヒラツカ</t>
    </rPh>
    <rPh sb="2" eb="3">
      <t>シ</t>
    </rPh>
    <rPh sb="3" eb="6">
      <t>ニシヤワタ</t>
    </rPh>
    <rPh sb="6" eb="9">
      <t>サンチョウメ</t>
    </rPh>
    <rPh sb="10" eb="11">
      <t>バン</t>
    </rPh>
    <rPh sb="13" eb="14">
      <t>ゴウ</t>
    </rPh>
    <phoneticPr fontId="4"/>
  </si>
  <si>
    <t>254-0073</t>
    <phoneticPr fontId="4"/>
  </si>
  <si>
    <t>（0463）22-5387</t>
    <phoneticPr fontId="4"/>
  </si>
  <si>
    <t>平塚日通サービス（株）</t>
    <rPh sb="0" eb="2">
      <t>ヒラツカ</t>
    </rPh>
    <rPh sb="2" eb="4">
      <t>ニッツウ</t>
    </rPh>
    <rPh sb="8" eb="11">
      <t>カブ</t>
    </rPh>
    <phoneticPr fontId="4"/>
  </si>
  <si>
    <t>神奈川県26貯第３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秦野市名古木１４４－１９</t>
    <rPh sb="0" eb="3">
      <t>ハダノシ</t>
    </rPh>
    <rPh sb="3" eb="6">
      <t>ナガヌキ</t>
    </rPh>
    <phoneticPr fontId="4"/>
  </si>
  <si>
    <t>257-0024</t>
    <phoneticPr fontId="4"/>
  </si>
  <si>
    <t>（0463）81-9502</t>
    <phoneticPr fontId="4"/>
  </si>
  <si>
    <t>ティーケーメンテナンス</t>
    <phoneticPr fontId="4"/>
  </si>
  <si>
    <t>神奈川県26貯第１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横須賀市船越町１－１４</t>
    <rPh sb="0" eb="4">
      <t>ヨコスカシ</t>
    </rPh>
    <rPh sb="4" eb="6">
      <t>フナコシ</t>
    </rPh>
    <rPh sb="6" eb="7">
      <t>チョウ</t>
    </rPh>
    <phoneticPr fontId="4"/>
  </si>
  <si>
    <t>237-0076</t>
    <phoneticPr fontId="4"/>
  </si>
  <si>
    <t>（046）861-2153</t>
    <phoneticPr fontId="4"/>
  </si>
  <si>
    <t>(株)大和環境衛生興業</t>
    <rPh sb="0" eb="3">
      <t>カブ</t>
    </rPh>
    <rPh sb="3" eb="5">
      <t>ヤマト</t>
    </rPh>
    <rPh sb="5" eb="7">
      <t>カンキョウ</t>
    </rPh>
    <rPh sb="7" eb="9">
      <t>エイセイ</t>
    </rPh>
    <rPh sb="9" eb="11">
      <t>コウギョウ</t>
    </rPh>
    <phoneticPr fontId="4"/>
  </si>
  <si>
    <t>神奈川県25貯第４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厚木市三田2886</t>
    <rPh sb="0" eb="3">
      <t>アツギシ</t>
    </rPh>
    <rPh sb="3" eb="5">
      <t>ミタ</t>
    </rPh>
    <phoneticPr fontId="4"/>
  </si>
  <si>
    <t>243-0211</t>
    <phoneticPr fontId="4"/>
  </si>
  <si>
    <t>（046）258-9690</t>
    <phoneticPr fontId="4"/>
  </si>
  <si>
    <t>(株)ＴＳＹ．Ｓ</t>
    <rPh sb="0" eb="3">
      <t>カブ</t>
    </rPh>
    <phoneticPr fontId="4"/>
  </si>
  <si>
    <t>神奈川県25貯第３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小田原市飯泉216番地の１</t>
    <rPh sb="0" eb="4">
      <t>オダワラシ</t>
    </rPh>
    <rPh sb="4" eb="6">
      <t>イイズミ</t>
    </rPh>
    <rPh sb="9" eb="11">
      <t>バンチ</t>
    </rPh>
    <phoneticPr fontId="4"/>
  </si>
  <si>
    <t>250-0863</t>
    <phoneticPr fontId="4"/>
  </si>
  <si>
    <t>(0465)45-0531</t>
    <phoneticPr fontId="4"/>
  </si>
  <si>
    <t>(株)エコシステム</t>
    <rPh sb="1" eb="2">
      <t>カブ</t>
    </rPh>
    <phoneticPr fontId="4"/>
  </si>
  <si>
    <t>神奈川県24貯第６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小田原市曽比１４６６－１</t>
    <rPh sb="0" eb="4">
      <t>オダワラシ</t>
    </rPh>
    <rPh sb="4" eb="6">
      <t>ソビ</t>
    </rPh>
    <phoneticPr fontId="4"/>
  </si>
  <si>
    <t>250-0851</t>
    <phoneticPr fontId="4"/>
  </si>
  <si>
    <t>(0465)37-0010</t>
    <phoneticPr fontId="4"/>
  </si>
  <si>
    <t>(株)フジ・ベンテック</t>
    <rPh sb="1" eb="2">
      <t>カブ</t>
    </rPh>
    <phoneticPr fontId="4"/>
  </si>
  <si>
    <t>神奈川県24貯第３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大和市深見西４－８－２４</t>
    <rPh sb="5" eb="6">
      <t>ニシ</t>
    </rPh>
    <phoneticPr fontId="4"/>
  </si>
  <si>
    <t>242-0018</t>
    <phoneticPr fontId="4"/>
  </si>
  <si>
    <t>(046)263-2331</t>
  </si>
  <si>
    <t>水研化学工業(株)</t>
  </si>
  <si>
    <t>神奈川県23貯第８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藤沢市石川四丁目15番地４－１０３</t>
    <rPh sb="0" eb="3">
      <t>フジサワシ</t>
    </rPh>
    <rPh sb="3" eb="5">
      <t>イシカワ</t>
    </rPh>
    <rPh sb="5" eb="8">
      <t>ヨンチョウメ</t>
    </rPh>
    <rPh sb="10" eb="12">
      <t>バンチ</t>
    </rPh>
    <phoneticPr fontId="4"/>
  </si>
  <si>
    <t>252-0815</t>
    <phoneticPr fontId="4"/>
  </si>
  <si>
    <t>（0466)86-7667</t>
    <phoneticPr fontId="4"/>
  </si>
  <si>
    <t>神奈川ビルメンテック(株)</t>
    <rPh sb="0" eb="3">
      <t>カナガワ</t>
    </rPh>
    <rPh sb="10" eb="13">
      <t>カブシキガイシャ</t>
    </rPh>
    <phoneticPr fontId="4"/>
  </si>
  <si>
    <t>神奈川県23貯第７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平塚市八重咲町７番28号</t>
    <phoneticPr fontId="4"/>
  </si>
  <si>
    <t>254-0811</t>
  </si>
  <si>
    <t>(0463)21-3968</t>
  </si>
  <si>
    <t>(株)リンレイサービス神奈川支店</t>
  </si>
  <si>
    <t>神奈川県23貯第６号</t>
    <phoneticPr fontId="4"/>
  </si>
  <si>
    <t>平塚市代官町19番14号</t>
    <phoneticPr fontId="4"/>
  </si>
  <si>
    <t>254-0807</t>
  </si>
  <si>
    <t>(0463)23-6861</t>
  </si>
  <si>
    <t>(株)綜合サービス</t>
  </si>
  <si>
    <t>神奈川県23貯第３号</t>
    <phoneticPr fontId="4"/>
  </si>
  <si>
    <t>大和市大和東一丁目８番６号</t>
    <rPh sb="6" eb="9">
      <t>１チョウメ</t>
    </rPh>
    <rPh sb="10" eb="11">
      <t>バン</t>
    </rPh>
    <rPh sb="12" eb="13">
      <t>ゴウ</t>
    </rPh>
    <phoneticPr fontId="4"/>
  </si>
  <si>
    <t>242-0017</t>
  </si>
  <si>
    <t>(046)261-1716</t>
  </si>
  <si>
    <t>(株)清水工業所</t>
  </si>
  <si>
    <t>神奈川県22貯第11号</t>
    <rPh sb="0" eb="4">
      <t>カナガワケン</t>
    </rPh>
    <rPh sb="6" eb="7">
      <t>チョ</t>
    </rPh>
    <rPh sb="7" eb="8">
      <t>ダイ</t>
    </rPh>
    <rPh sb="10" eb="11">
      <t>ゴウ</t>
    </rPh>
    <phoneticPr fontId="4"/>
  </si>
  <si>
    <t>秦野市曲松１丁目８番56号</t>
    <rPh sb="0" eb="3">
      <t>ハダノシ</t>
    </rPh>
    <rPh sb="3" eb="5">
      <t>マガリマツ</t>
    </rPh>
    <rPh sb="6" eb="8">
      <t>チョウメ</t>
    </rPh>
    <rPh sb="9" eb="10">
      <t>バン</t>
    </rPh>
    <rPh sb="12" eb="13">
      <t>ゴウ</t>
    </rPh>
    <phoneticPr fontId="4"/>
  </si>
  <si>
    <t>259-1321</t>
    <phoneticPr fontId="4"/>
  </si>
  <si>
    <t>(0463)87-2399</t>
    <phoneticPr fontId="4"/>
  </si>
  <si>
    <t>ディアクリーン</t>
    <phoneticPr fontId="4"/>
  </si>
  <si>
    <t>神奈川県22貯第９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小田原市扇町四丁目７番27号</t>
    <phoneticPr fontId="4"/>
  </si>
  <si>
    <t>250-0001</t>
    <phoneticPr fontId="4"/>
  </si>
  <si>
    <t>(0465)20-8313</t>
    <phoneticPr fontId="4"/>
  </si>
  <si>
    <t>イズモＥＰＣＭ（株）</t>
    <rPh sb="7" eb="10">
      <t>カブ</t>
    </rPh>
    <phoneticPr fontId="4"/>
  </si>
  <si>
    <t>神奈川県22貯第８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茅ヶ崎市萩園833</t>
    <rPh sb="0" eb="4">
      <t>チガサキシ</t>
    </rPh>
    <rPh sb="4" eb="5">
      <t>ハギ</t>
    </rPh>
    <rPh sb="5" eb="6">
      <t>ソノ</t>
    </rPh>
    <phoneticPr fontId="4"/>
  </si>
  <si>
    <t>253-0071</t>
    <phoneticPr fontId="4"/>
  </si>
  <si>
    <t>(0467)85-9958</t>
    <phoneticPr fontId="4"/>
  </si>
  <si>
    <t>第一カッター興業(株)</t>
    <rPh sb="0" eb="1">
      <t>ダイ</t>
    </rPh>
    <rPh sb="1" eb="2">
      <t>イチ</t>
    </rPh>
    <rPh sb="6" eb="8">
      <t>コウギョウ</t>
    </rPh>
    <phoneticPr fontId="4"/>
  </si>
  <si>
    <t>神奈川県22貯第７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逗子市桜山４－６－１３</t>
    <rPh sb="0" eb="3">
      <t>ズシシ</t>
    </rPh>
    <rPh sb="3" eb="5">
      <t>サクラヤマ</t>
    </rPh>
    <phoneticPr fontId="4"/>
  </si>
  <si>
    <t>249-0005</t>
    <phoneticPr fontId="4"/>
  </si>
  <si>
    <t>(046)870-6925</t>
    <phoneticPr fontId="4"/>
  </si>
  <si>
    <t>(株)ジー・エフ・シー</t>
  </si>
  <si>
    <t>神奈川県22貯第４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厚木市妻田西一丁目30番１号201号室</t>
    <rPh sb="0" eb="3">
      <t>アツギシ</t>
    </rPh>
    <rPh sb="3" eb="5">
      <t>ツマダ</t>
    </rPh>
    <rPh sb="5" eb="6">
      <t>ニシ</t>
    </rPh>
    <rPh sb="6" eb="9">
      <t>イッチョウメ</t>
    </rPh>
    <rPh sb="11" eb="12">
      <t>バン</t>
    </rPh>
    <rPh sb="13" eb="14">
      <t>ゴウ</t>
    </rPh>
    <rPh sb="17" eb="19">
      <t>ゴウシツ</t>
    </rPh>
    <phoneticPr fontId="4"/>
  </si>
  <si>
    <t>243-0815</t>
    <phoneticPr fontId="4"/>
  </si>
  <si>
    <t>(046)205-8896</t>
    <phoneticPr fontId="4"/>
  </si>
  <si>
    <t>(株)日本ファシリティ</t>
    <rPh sb="0" eb="3">
      <t>カブシキガイシャ</t>
    </rPh>
    <phoneticPr fontId="4"/>
  </si>
  <si>
    <t>神奈川県21貯第７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藤沢市湘南台一丁目６番７号</t>
    <rPh sb="0" eb="3">
      <t>フジサワシ</t>
    </rPh>
    <rPh sb="3" eb="6">
      <t>ショウナンダイ</t>
    </rPh>
    <rPh sb="6" eb="9">
      <t>イッチョウメ</t>
    </rPh>
    <rPh sb="10" eb="11">
      <t>バン</t>
    </rPh>
    <rPh sb="12" eb="13">
      <t>ゴウ</t>
    </rPh>
    <phoneticPr fontId="4"/>
  </si>
  <si>
    <t>252-0804</t>
    <phoneticPr fontId="4"/>
  </si>
  <si>
    <t>(0466)46-0008</t>
    <phoneticPr fontId="4"/>
  </si>
  <si>
    <t>(株)ビルメンテナンス湘南リコー</t>
    <rPh sb="11" eb="13">
      <t>ショウナン</t>
    </rPh>
    <phoneticPr fontId="4"/>
  </si>
  <si>
    <t>神奈川県21貯第３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小田原市久野2826</t>
    <rPh sb="0" eb="4">
      <t>オダワラシ</t>
    </rPh>
    <rPh sb="4" eb="6">
      <t>クノ</t>
    </rPh>
    <phoneticPr fontId="4"/>
  </si>
  <si>
    <t>250-0055</t>
    <phoneticPr fontId="4"/>
  </si>
  <si>
    <t>(0465)32-0785</t>
    <phoneticPr fontId="4"/>
  </si>
  <si>
    <t>ＴＫ・Ｃ</t>
    <phoneticPr fontId="4"/>
  </si>
  <si>
    <t>神奈川県21貯第２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藤沢市大庭５４３３－６</t>
    <phoneticPr fontId="4"/>
  </si>
  <si>
    <t>251-0861</t>
    <phoneticPr fontId="4"/>
  </si>
  <si>
    <t>(0466)88-5777</t>
    <phoneticPr fontId="4"/>
  </si>
  <si>
    <t>(株)フィットアップ</t>
    <phoneticPr fontId="4"/>
  </si>
  <si>
    <t>神奈川県20貯第３号</t>
    <rPh sb="0" eb="4">
      <t>カナガワケン</t>
    </rPh>
    <rPh sb="6" eb="7">
      <t>チョ</t>
    </rPh>
    <rPh sb="7" eb="8">
      <t>ダイ</t>
    </rPh>
    <rPh sb="9" eb="10">
      <t>ゴウ</t>
    </rPh>
    <phoneticPr fontId="4"/>
  </si>
  <si>
    <t>平塚市中堂１－15</t>
    <rPh sb="0" eb="2">
      <t>ヒラツカ</t>
    </rPh>
    <rPh sb="2" eb="3">
      <t>シ</t>
    </rPh>
    <rPh sb="3" eb="5">
      <t>ナカドウ</t>
    </rPh>
    <phoneticPr fontId="4"/>
  </si>
  <si>
    <t>254-0026</t>
    <phoneticPr fontId="4"/>
  </si>
  <si>
    <t>(0463)22-5678</t>
    <phoneticPr fontId="4"/>
  </si>
  <si>
    <t>(有)ピー・ジー・エル・ジャパン</t>
  </si>
  <si>
    <t>神奈川県19貯第６号</t>
    <rPh sb="0" eb="4">
      <t>カナガワケン</t>
    </rPh>
    <rPh sb="6" eb="7">
      <t>タ</t>
    </rPh>
    <rPh sb="7" eb="8">
      <t>ダイ</t>
    </rPh>
    <rPh sb="9" eb="10">
      <t>ゴウ</t>
    </rPh>
    <phoneticPr fontId="4"/>
  </si>
  <si>
    <t>平塚市南金目324番地の２</t>
    <rPh sb="0" eb="3">
      <t>ヒラツカシ</t>
    </rPh>
    <rPh sb="3" eb="4">
      <t>ミナミ</t>
    </rPh>
    <rPh sb="4" eb="6">
      <t>キンメ</t>
    </rPh>
    <phoneticPr fontId="4"/>
  </si>
  <si>
    <t>259-1201</t>
    <phoneticPr fontId="4"/>
  </si>
  <si>
    <t>(0463)50-3518</t>
    <phoneticPr fontId="4"/>
  </si>
  <si>
    <t>(株)健装</t>
    <rPh sb="1" eb="2">
      <t>カブ</t>
    </rPh>
    <rPh sb="3" eb="4">
      <t>ケン</t>
    </rPh>
    <rPh sb="4" eb="5">
      <t>ソウ</t>
    </rPh>
    <phoneticPr fontId="4"/>
  </si>
  <si>
    <t>神奈川県19貯第５号</t>
    <rPh sb="0" eb="4">
      <t>カナガワケン</t>
    </rPh>
    <rPh sb="6" eb="7">
      <t>タ</t>
    </rPh>
    <rPh sb="7" eb="8">
      <t>ダイ</t>
    </rPh>
    <rPh sb="9" eb="10">
      <t>ゴウ</t>
    </rPh>
    <phoneticPr fontId="4"/>
  </si>
  <si>
    <t>厚木市林二丁目１０番１３号</t>
    <rPh sb="0" eb="3">
      <t>アツギシ</t>
    </rPh>
    <rPh sb="3" eb="4">
      <t>ハヤシ</t>
    </rPh>
    <rPh sb="4" eb="5">
      <t>2</t>
    </rPh>
    <rPh sb="5" eb="7">
      <t>チョウメ</t>
    </rPh>
    <rPh sb="9" eb="10">
      <t>バン</t>
    </rPh>
    <rPh sb="12" eb="13">
      <t>ゴウ</t>
    </rPh>
    <phoneticPr fontId="4"/>
  </si>
  <si>
    <t>243-0816</t>
    <phoneticPr fontId="4"/>
  </si>
  <si>
    <t>(046)224-1956</t>
    <phoneticPr fontId="4"/>
  </si>
  <si>
    <t>(有)双葉油機</t>
    <rPh sb="3" eb="5">
      <t>フタバ</t>
    </rPh>
    <rPh sb="5" eb="6">
      <t>ユ</t>
    </rPh>
    <rPh sb="6" eb="7">
      <t>キ</t>
    </rPh>
    <phoneticPr fontId="4"/>
  </si>
  <si>
    <t>神奈川県19貯第４号</t>
    <rPh sb="0" eb="4">
      <t>カナガワケン</t>
    </rPh>
    <rPh sb="6" eb="7">
      <t>タ</t>
    </rPh>
    <rPh sb="7" eb="8">
      <t>ダイ</t>
    </rPh>
    <rPh sb="9" eb="10">
      <t>ゴウ</t>
    </rPh>
    <phoneticPr fontId="4"/>
  </si>
  <si>
    <t>大和市福田４０５３－１１</t>
  </si>
  <si>
    <t>(046)268-4011</t>
    <phoneticPr fontId="4"/>
  </si>
  <si>
    <t>(株)サンユー</t>
    <phoneticPr fontId="4"/>
  </si>
  <si>
    <t>神奈川県18貯第６号</t>
    <phoneticPr fontId="4"/>
  </si>
  <si>
    <t>海老名市河原口二丁目２番38号</t>
    <rPh sb="7" eb="10">
      <t>ニチョウメ</t>
    </rPh>
    <rPh sb="11" eb="12">
      <t>バン</t>
    </rPh>
    <rPh sb="14" eb="15">
      <t>ゴウ</t>
    </rPh>
    <phoneticPr fontId="4"/>
  </si>
  <si>
    <t>243-0433</t>
  </si>
  <si>
    <t>046-234-3308</t>
    <phoneticPr fontId="4"/>
  </si>
  <si>
    <t>(株)エヌ・アール・シー</t>
  </si>
  <si>
    <t>神奈川県18貯第４号</t>
    <phoneticPr fontId="4"/>
  </si>
  <si>
    <t>厚木市飯山南3－5－25</t>
    <phoneticPr fontId="4"/>
  </si>
  <si>
    <t>243-0218</t>
    <phoneticPr fontId="4"/>
  </si>
  <si>
    <t>(046)205-7679</t>
    <phoneticPr fontId="4"/>
  </si>
  <si>
    <t>神奈川県17貯第６号</t>
    <phoneticPr fontId="4"/>
  </si>
  <si>
    <t>藤沢市村岡東四丁目21番地の５</t>
    <rPh sb="6" eb="9">
      <t>４チョウメ</t>
    </rPh>
    <rPh sb="11" eb="13">
      <t>バンチ</t>
    </rPh>
    <phoneticPr fontId="4"/>
  </si>
  <si>
    <t>251-0012</t>
    <phoneticPr fontId="4"/>
  </si>
  <si>
    <t>神奈川県16貯第21号</t>
    <phoneticPr fontId="4"/>
  </si>
  <si>
    <t>海老名市中新田三丁目５番２３号シルフィード厚木206号</t>
    <rPh sb="7" eb="8">
      <t>3</t>
    </rPh>
    <rPh sb="8" eb="10">
      <t>チョ</t>
    </rPh>
    <phoneticPr fontId="4"/>
  </si>
  <si>
    <t>243-0422</t>
  </si>
  <si>
    <t>(046)235-8170</t>
  </si>
  <si>
    <t>(株)ジャパン・ライフ・イーミック</t>
  </si>
  <si>
    <t>神奈川県16貯第10号</t>
    <phoneticPr fontId="4"/>
  </si>
  <si>
    <t>伊勢原市下谷163番地</t>
    <rPh sb="4" eb="6">
      <t>シモヤ</t>
    </rPh>
    <rPh sb="9" eb="11">
      <t>バンチ</t>
    </rPh>
    <phoneticPr fontId="4"/>
  </si>
  <si>
    <t>259-1123</t>
    <phoneticPr fontId="4"/>
  </si>
  <si>
    <t>(0463)93-6468</t>
  </si>
  <si>
    <t>(有)誠管理</t>
    <phoneticPr fontId="4"/>
  </si>
  <si>
    <t>神奈川県16貯第４号</t>
    <phoneticPr fontId="4"/>
  </si>
  <si>
    <t>大和市上草柳１５３８</t>
    <rPh sb="0" eb="3">
      <t>ヤマトシ</t>
    </rPh>
    <rPh sb="3" eb="4">
      <t>カミ</t>
    </rPh>
    <rPh sb="4" eb="5">
      <t>クサ</t>
    </rPh>
    <rPh sb="5" eb="6">
      <t>ヤナギ</t>
    </rPh>
    <phoneticPr fontId="4"/>
  </si>
  <si>
    <t>242-0029</t>
    <phoneticPr fontId="4"/>
  </si>
  <si>
    <t>(046)262-8360</t>
    <phoneticPr fontId="4"/>
  </si>
  <si>
    <t>(有)タクト</t>
    <rPh sb="0" eb="3">
      <t>ユウゲンガイシャ</t>
    </rPh>
    <phoneticPr fontId="4"/>
  </si>
  <si>
    <t>神奈川県14貯第23号</t>
    <phoneticPr fontId="4"/>
  </si>
  <si>
    <t>厚木市恩名一丁目１２番２５号</t>
    <rPh sb="5" eb="6">
      <t>1</t>
    </rPh>
    <rPh sb="6" eb="8">
      <t>チョウメ</t>
    </rPh>
    <rPh sb="10" eb="11">
      <t>バン</t>
    </rPh>
    <rPh sb="13" eb="14">
      <t>ゴウ</t>
    </rPh>
    <phoneticPr fontId="4"/>
  </si>
  <si>
    <t>243-0032</t>
  </si>
  <si>
    <t>(046)224-5630</t>
  </si>
  <si>
    <t>(株)伊波ビルサービス</t>
  </si>
  <si>
    <t>神奈川県14貯第16号</t>
    <phoneticPr fontId="4"/>
  </si>
  <si>
    <t>伊勢原市桜台１－17－１ゆたかビル203</t>
    <phoneticPr fontId="4"/>
  </si>
  <si>
    <t>(0463)94-3898</t>
    <phoneticPr fontId="4"/>
  </si>
  <si>
    <t>神奈川県14貯第９号</t>
    <phoneticPr fontId="4"/>
  </si>
  <si>
    <t>秦野市新町２番１９号</t>
    <rPh sb="6" eb="7">
      <t>バン</t>
    </rPh>
    <rPh sb="9" eb="10">
      <t>ゴウ</t>
    </rPh>
    <phoneticPr fontId="4"/>
  </si>
  <si>
    <t>257-0056</t>
  </si>
  <si>
    <t>(0463)82-3227</t>
  </si>
  <si>
    <t>ケイティジー(株)</t>
  </si>
  <si>
    <t>神奈川県14貯第２号</t>
    <phoneticPr fontId="4"/>
  </si>
  <si>
    <t>箱根町元箱根103－427</t>
    <phoneticPr fontId="4"/>
  </si>
  <si>
    <t>250-0522</t>
  </si>
  <si>
    <t>(0460)83-5105</t>
    <phoneticPr fontId="4"/>
  </si>
  <si>
    <t>(有)みのり</t>
    <phoneticPr fontId="4"/>
  </si>
  <si>
    <t>神奈川県13貯第10号</t>
    <phoneticPr fontId="4"/>
  </si>
  <si>
    <t>海老名市中新田２－１７－２９</t>
    <phoneticPr fontId="4"/>
  </si>
  <si>
    <t>(046)234-0145</t>
  </si>
  <si>
    <t>(有)三高商会</t>
  </si>
  <si>
    <t>神奈川県13貯第８号</t>
    <phoneticPr fontId="4"/>
  </si>
  <si>
    <t>厚木市愛甲四丁目５番１６号</t>
    <phoneticPr fontId="4"/>
  </si>
  <si>
    <t>神奈川県13貯第１号</t>
    <phoneticPr fontId="4"/>
  </si>
  <si>
    <t>藤沢市葛原1240－1</t>
    <phoneticPr fontId="4"/>
  </si>
  <si>
    <t>252-0822</t>
    <phoneticPr fontId="4"/>
  </si>
  <si>
    <t>(0466)48-1230</t>
    <phoneticPr fontId="4"/>
  </si>
  <si>
    <t>中央日化サービス(株)湘南営業所</t>
  </si>
  <si>
    <t>神奈川県12貯第23号</t>
  </si>
  <si>
    <t>大和市代官二丁目６番地10</t>
    <rPh sb="3" eb="5">
      <t>ダイカン</t>
    </rPh>
    <rPh sb="5" eb="6">
      <t>ニ</t>
    </rPh>
    <rPh sb="6" eb="8">
      <t>チョウメ</t>
    </rPh>
    <rPh sb="9" eb="11">
      <t>バンチ</t>
    </rPh>
    <phoneticPr fontId="4"/>
  </si>
  <si>
    <t>046-201-0807</t>
    <phoneticPr fontId="4"/>
  </si>
  <si>
    <t>(株)サン</t>
  </si>
  <si>
    <t>神奈川県11貯第25号</t>
  </si>
  <si>
    <t>茅ヶ崎市矢畑９９５番地　建設会館ビル５０２号</t>
    <rPh sb="9" eb="11">
      <t>バンチ</t>
    </rPh>
    <rPh sb="12" eb="14">
      <t>ケンセツ</t>
    </rPh>
    <rPh sb="14" eb="16">
      <t>カイカン</t>
    </rPh>
    <rPh sb="21" eb="22">
      <t>ゴウ</t>
    </rPh>
    <phoneticPr fontId="4"/>
  </si>
  <si>
    <t>253-0001</t>
  </si>
  <si>
    <t>(0467)38-8491</t>
    <phoneticPr fontId="4"/>
  </si>
  <si>
    <t>(株)アルファシステム</t>
    <rPh sb="1" eb="2">
      <t>カブ</t>
    </rPh>
    <phoneticPr fontId="4"/>
  </si>
  <si>
    <t>神奈川県11貯第21号</t>
  </si>
  <si>
    <t>二宮町緑が丘一丁目８番地の２</t>
    <rPh sb="6" eb="9">
      <t>イッチョウメ</t>
    </rPh>
    <rPh sb="10" eb="12">
      <t>バンチ</t>
    </rPh>
    <phoneticPr fontId="4"/>
  </si>
  <si>
    <t>259-0132</t>
  </si>
  <si>
    <t>(0463)72-0201</t>
  </si>
  <si>
    <t>(株)二宮設備工業所</t>
  </si>
  <si>
    <t>神奈川県10貯第30号</t>
  </si>
  <si>
    <t>茅ヶ崎市香川二丁目20番14号</t>
    <rPh sb="6" eb="9">
      <t>２チョウメ</t>
    </rPh>
    <rPh sb="11" eb="12">
      <t>バン</t>
    </rPh>
    <rPh sb="14" eb="15">
      <t>ゴウ</t>
    </rPh>
    <phoneticPr fontId="4"/>
  </si>
  <si>
    <t>253-0082</t>
  </si>
  <si>
    <t>(0467)53-4895</t>
  </si>
  <si>
    <t>(株)トーヨーテクノ</t>
  </si>
  <si>
    <t>神奈川県10貯第22号</t>
  </si>
  <si>
    <t>藤沢市石川六丁目13番地33</t>
    <rPh sb="5" eb="6">
      <t>６</t>
    </rPh>
    <rPh sb="6" eb="8">
      <t>チョウメ</t>
    </rPh>
    <rPh sb="10" eb="12">
      <t>バンチ</t>
    </rPh>
    <phoneticPr fontId="4"/>
  </si>
  <si>
    <t>(0466)88-0141</t>
  </si>
  <si>
    <t>(株)オリエント総業</t>
  </si>
  <si>
    <t>神奈川県10貯第18号</t>
  </si>
  <si>
    <t>座間市緑ケ丘四丁目８番７号</t>
    <rPh sb="3" eb="6">
      <t>ミドリガオカ</t>
    </rPh>
    <rPh sb="6" eb="7">
      <t>４</t>
    </rPh>
    <rPh sb="7" eb="9">
      <t>チョウメ</t>
    </rPh>
    <rPh sb="10" eb="11">
      <t>バン</t>
    </rPh>
    <rPh sb="12" eb="13">
      <t>ゴウ</t>
    </rPh>
    <phoneticPr fontId="4"/>
  </si>
  <si>
    <t>252-0021</t>
  </si>
  <si>
    <t>(046)255-5921</t>
  </si>
  <si>
    <t>(株)カインドサービス</t>
  </si>
  <si>
    <t>神奈川県10貯第９号</t>
    <phoneticPr fontId="4"/>
  </si>
  <si>
    <t>箱根町宮城野１３２４－７４</t>
    <phoneticPr fontId="4"/>
  </si>
  <si>
    <t>250-0401</t>
  </si>
  <si>
    <t>（0460)86-1101</t>
    <phoneticPr fontId="4"/>
  </si>
  <si>
    <t>(株)アクアサービス</t>
  </si>
  <si>
    <t>神奈川県９貯第43号</t>
    <phoneticPr fontId="4"/>
  </si>
  <si>
    <t>厚木市戸室１－７－12</t>
    <phoneticPr fontId="4"/>
  </si>
  <si>
    <t>（046）204-4175</t>
    <phoneticPr fontId="4"/>
  </si>
  <si>
    <t>山王総合(株)</t>
    <phoneticPr fontId="4"/>
  </si>
  <si>
    <t>神奈川県９貯第１号</t>
    <phoneticPr fontId="4"/>
  </si>
  <si>
    <t>藤沢市遠藤2006番地の23</t>
    <rPh sb="9" eb="11">
      <t>バンチ</t>
    </rPh>
    <phoneticPr fontId="4"/>
  </si>
  <si>
    <t>252-0816</t>
  </si>
  <si>
    <t>(0466)88-2627</t>
  </si>
  <si>
    <t>(株)道北ケミカル</t>
  </si>
  <si>
    <t>神奈川県８貯第44号</t>
    <phoneticPr fontId="4"/>
  </si>
  <si>
    <t>藤沢市下土棚1594番地の１</t>
    <rPh sb="3" eb="4">
      <t>シモ</t>
    </rPh>
    <rPh sb="4" eb="6">
      <t>ツチダナ</t>
    </rPh>
    <rPh sb="10" eb="12">
      <t>バンチ</t>
    </rPh>
    <phoneticPr fontId="4"/>
  </si>
  <si>
    <t>252-0807</t>
    <phoneticPr fontId="4"/>
  </si>
  <si>
    <t>(0466)43-1547</t>
  </si>
  <si>
    <t>山羽メンテナンス(有)</t>
  </si>
  <si>
    <t>神奈川県８貯第40号</t>
    <phoneticPr fontId="4"/>
  </si>
  <si>
    <t>平塚市纒208番地</t>
    <rPh sb="0" eb="3">
      <t>ヒラツカシ</t>
    </rPh>
    <rPh sb="7" eb="9">
      <t>バンチ</t>
    </rPh>
    <phoneticPr fontId="4"/>
  </si>
  <si>
    <t>254-0901</t>
  </si>
  <si>
    <t>(0463)34-4239</t>
    <phoneticPr fontId="4"/>
  </si>
  <si>
    <t>(株)日装</t>
  </si>
  <si>
    <t>神奈川県８貯第17号</t>
    <phoneticPr fontId="4"/>
  </si>
  <si>
    <t>大和市つきみ野二丁目１番３号　泰朋ﾋﾞﾙ</t>
    <phoneticPr fontId="4"/>
  </si>
  <si>
    <t>神奈川県８貯第15号</t>
    <phoneticPr fontId="4"/>
  </si>
  <si>
    <t>横須賀市衣笠町２－２</t>
    <rPh sb="4" eb="6">
      <t>キヌガサ</t>
    </rPh>
    <rPh sb="6" eb="7">
      <t>チョウ</t>
    </rPh>
    <phoneticPr fontId="4"/>
  </si>
  <si>
    <t>(046)874-5801</t>
    <phoneticPr fontId="4"/>
  </si>
  <si>
    <t>神奈川県８貯第２号</t>
    <phoneticPr fontId="4"/>
  </si>
  <si>
    <t>秦野市西田原２０４－６</t>
    <rPh sb="0" eb="3">
      <t>ハダノシ</t>
    </rPh>
    <rPh sb="3" eb="6">
      <t>ニシタワラ</t>
    </rPh>
    <phoneticPr fontId="4"/>
  </si>
  <si>
    <t>257-0027</t>
    <phoneticPr fontId="4"/>
  </si>
  <si>
    <t>(0463)72-8005</t>
    <phoneticPr fontId="4"/>
  </si>
  <si>
    <t>(有)門馬商事</t>
  </si>
  <si>
    <t>神奈川県８貯第１号</t>
    <phoneticPr fontId="4"/>
  </si>
  <si>
    <t>座間市明王３番地８</t>
    <rPh sb="6" eb="8">
      <t>バンチ</t>
    </rPh>
    <phoneticPr fontId="4"/>
  </si>
  <si>
    <t>252-0022</t>
  </si>
  <si>
    <t>(046)255-1616</t>
  </si>
  <si>
    <t>(株)双和</t>
  </si>
  <si>
    <t>神奈川県７貯第18号</t>
    <phoneticPr fontId="4"/>
  </si>
  <si>
    <t>藤沢市辻堂元町五丁目３番８号</t>
    <rPh sb="7" eb="10">
      <t>５チョウメ</t>
    </rPh>
    <rPh sb="11" eb="12">
      <t>バン</t>
    </rPh>
    <rPh sb="13" eb="14">
      <t>ゴウ</t>
    </rPh>
    <phoneticPr fontId="4"/>
  </si>
  <si>
    <t>神奈川県７貯第15号</t>
    <phoneticPr fontId="4"/>
  </si>
  <si>
    <t>高座郡寒川町一之宮４－１１－３２</t>
    <rPh sb="0" eb="2">
      <t>コウザ</t>
    </rPh>
    <rPh sb="2" eb="3">
      <t>グン</t>
    </rPh>
    <phoneticPr fontId="4"/>
  </si>
  <si>
    <t>(0467)75-0070</t>
  </si>
  <si>
    <t>(有)寒川公衆衛生社</t>
  </si>
  <si>
    <t>神奈川県７貯第１号</t>
    <phoneticPr fontId="4"/>
  </si>
  <si>
    <t>横須賀市佐原二丁目１番10号</t>
    <rPh sb="0" eb="9">
      <t>ヨコスカシサハラニチョウメ</t>
    </rPh>
    <rPh sb="10" eb="11">
      <t>バン</t>
    </rPh>
    <rPh sb="13" eb="14">
      <t>ゴウ</t>
    </rPh>
    <phoneticPr fontId="4"/>
  </si>
  <si>
    <t>239-0807</t>
  </si>
  <si>
    <t>(046)836-7793</t>
  </si>
  <si>
    <t>(株)大興</t>
  </si>
  <si>
    <t>神奈川県６貯第12号</t>
    <phoneticPr fontId="4"/>
  </si>
  <si>
    <t>厚木市水引一丁目４番６号</t>
    <rPh sb="5" eb="6">
      <t>1</t>
    </rPh>
    <rPh sb="6" eb="8">
      <t>チョウメ</t>
    </rPh>
    <rPh sb="9" eb="10">
      <t>バン</t>
    </rPh>
    <rPh sb="11" eb="12">
      <t>ゴウ</t>
    </rPh>
    <phoneticPr fontId="4"/>
  </si>
  <si>
    <t>神奈川県６貯第９号</t>
    <phoneticPr fontId="4"/>
  </si>
  <si>
    <t>秦野市大秦町２－２２</t>
  </si>
  <si>
    <t>257-0034</t>
    <phoneticPr fontId="4"/>
  </si>
  <si>
    <t>(0463)81-0917</t>
  </si>
  <si>
    <t>(有)湘南サービス</t>
  </si>
  <si>
    <t>神奈川県６貯第２号</t>
    <phoneticPr fontId="4"/>
  </si>
  <si>
    <t>伊勢原市上粕屋299</t>
    <phoneticPr fontId="4"/>
  </si>
  <si>
    <t>神奈川県５貯第30号</t>
    <phoneticPr fontId="4"/>
  </si>
  <si>
    <t>大和市上草柳三丁目１６番２７号</t>
    <rPh sb="0" eb="3">
      <t>ヤマトシ</t>
    </rPh>
    <rPh sb="3" eb="4">
      <t>カミ</t>
    </rPh>
    <rPh sb="4" eb="5">
      <t>クサ</t>
    </rPh>
    <rPh sb="5" eb="6">
      <t>ヤナギ</t>
    </rPh>
    <rPh sb="6" eb="9">
      <t>３チョウメ</t>
    </rPh>
    <rPh sb="11" eb="12">
      <t>バン</t>
    </rPh>
    <rPh sb="14" eb="15">
      <t>ゴウ</t>
    </rPh>
    <phoneticPr fontId="4"/>
  </si>
  <si>
    <t>(046)261-9154</t>
  </si>
  <si>
    <t>和興建清(株)</t>
  </si>
  <si>
    <t>神奈川県５貯第28号</t>
    <phoneticPr fontId="4"/>
  </si>
  <si>
    <t>秦野市戸川131－２</t>
    <phoneticPr fontId="4"/>
  </si>
  <si>
    <t>259-1306</t>
  </si>
  <si>
    <t>(0463)75-0811</t>
  </si>
  <si>
    <t>(有)北原クリーンサービス</t>
  </si>
  <si>
    <t>神奈川県５貯第25号</t>
    <phoneticPr fontId="4"/>
  </si>
  <si>
    <t>鎌倉市笛田５丁目４番54号</t>
    <rPh sb="6" eb="8">
      <t>チョウメ</t>
    </rPh>
    <rPh sb="9" eb="10">
      <t>バン</t>
    </rPh>
    <rPh sb="12" eb="13">
      <t>ゴウ</t>
    </rPh>
    <phoneticPr fontId="4"/>
  </si>
  <si>
    <t>248-0027</t>
  </si>
  <si>
    <t>(0467)39-3945</t>
  </si>
  <si>
    <t>(有)大宝ビルサービス</t>
  </si>
  <si>
    <t>神奈川県４貯第33号</t>
    <phoneticPr fontId="4"/>
  </si>
  <si>
    <t>伊勢原市石田1093番地４</t>
    <rPh sb="4" eb="6">
      <t>イシダ</t>
    </rPh>
    <rPh sb="10" eb="12">
      <t>バンチ</t>
    </rPh>
    <phoneticPr fontId="4"/>
  </si>
  <si>
    <t>259-1116</t>
    <phoneticPr fontId="4"/>
  </si>
  <si>
    <t>神奈川県４貯第27号</t>
    <phoneticPr fontId="4"/>
  </si>
  <si>
    <t>小田原市国府津２２９３番地の２</t>
    <rPh sb="0" eb="4">
      <t>オダワラシ</t>
    </rPh>
    <rPh sb="11" eb="13">
      <t>バンチ</t>
    </rPh>
    <phoneticPr fontId="4"/>
  </si>
  <si>
    <t>256-0812</t>
    <phoneticPr fontId="4"/>
  </si>
  <si>
    <t>(0465）48-2722</t>
    <phoneticPr fontId="4"/>
  </si>
  <si>
    <t>(株)綜建設備</t>
    <rPh sb="0" eb="3">
      <t>カブ</t>
    </rPh>
    <rPh sb="3" eb="4">
      <t>ソウ</t>
    </rPh>
    <rPh sb="4" eb="5">
      <t>タテル</t>
    </rPh>
    <rPh sb="5" eb="7">
      <t>セツビ</t>
    </rPh>
    <phoneticPr fontId="4"/>
  </si>
  <si>
    <t>神奈川県４貯第18号</t>
    <rPh sb="0" eb="4">
      <t>カナガワケン</t>
    </rPh>
    <rPh sb="5" eb="6">
      <t>チョ</t>
    </rPh>
    <rPh sb="6" eb="7">
      <t>ダイ</t>
    </rPh>
    <rPh sb="9" eb="10">
      <t>ゴウ</t>
    </rPh>
    <phoneticPr fontId="4"/>
  </si>
  <si>
    <t>伊勢原市三ノ宮１１６</t>
  </si>
  <si>
    <t>259-1103</t>
  </si>
  <si>
    <t>(0463)95-4182</t>
  </si>
  <si>
    <t>(有)相模浄化サービス</t>
  </si>
  <si>
    <t>神奈川県４貯第９号</t>
    <phoneticPr fontId="4"/>
  </si>
  <si>
    <t>大和市深見西六丁目４番14号</t>
    <rPh sb="3" eb="5">
      <t>フカミ</t>
    </rPh>
    <rPh sb="5" eb="6">
      <t>ニシ</t>
    </rPh>
    <rPh sb="6" eb="9">
      <t>ロクチョウメ</t>
    </rPh>
    <rPh sb="10" eb="11">
      <t>バン</t>
    </rPh>
    <rPh sb="13" eb="14">
      <t>ゴウ</t>
    </rPh>
    <phoneticPr fontId="4"/>
  </si>
  <si>
    <t>(046)264-6608</t>
  </si>
  <si>
    <t>(株)タワラ</t>
  </si>
  <si>
    <t>神奈川県４貯第６号</t>
    <phoneticPr fontId="4"/>
  </si>
  <si>
    <t>茅ヶ崎市松が丘一丁目６番８３号</t>
    <rPh sb="7" eb="10">
      <t>１チョウメ</t>
    </rPh>
    <rPh sb="11" eb="12">
      <t>バン</t>
    </rPh>
    <rPh sb="14" eb="15">
      <t>ゴウ</t>
    </rPh>
    <phoneticPr fontId="4"/>
  </si>
  <si>
    <t>253-0025</t>
  </si>
  <si>
    <t>(0467)86-3581</t>
  </si>
  <si>
    <t>(株)湘南汚水研究所</t>
    <rPh sb="0" eb="3">
      <t>カブ</t>
    </rPh>
    <rPh sb="3" eb="5">
      <t>ショウナン</t>
    </rPh>
    <phoneticPr fontId="4"/>
  </si>
  <si>
    <t>神奈川県４貯第４号</t>
    <phoneticPr fontId="4"/>
  </si>
  <si>
    <t>横須賀市三春町三丁目８番地</t>
    <rPh sb="7" eb="8">
      <t>サン</t>
    </rPh>
    <rPh sb="8" eb="10">
      <t>チョウメ</t>
    </rPh>
    <rPh sb="11" eb="13">
      <t>バンチ</t>
    </rPh>
    <phoneticPr fontId="4"/>
  </si>
  <si>
    <t>238-0014</t>
  </si>
  <si>
    <t>(046)823-0943</t>
  </si>
  <si>
    <t>(株)ライフライン岩崎</t>
  </si>
  <si>
    <t>神奈川県３貯第86号</t>
    <phoneticPr fontId="4"/>
  </si>
  <si>
    <t>厚木市温水1921番地２</t>
    <rPh sb="3" eb="5">
      <t>ヌルミズ</t>
    </rPh>
    <rPh sb="9" eb="11">
      <t>バンチ</t>
    </rPh>
    <phoneticPr fontId="4"/>
  </si>
  <si>
    <t>243-0033</t>
    <phoneticPr fontId="4"/>
  </si>
  <si>
    <t>(046)270-2170</t>
    <phoneticPr fontId="4"/>
  </si>
  <si>
    <t>(有)横浜クリーンサービス</t>
  </si>
  <si>
    <t>神奈川県３貯第79号</t>
    <phoneticPr fontId="4"/>
  </si>
  <si>
    <t>横須賀市内川二丁目４番39号</t>
    <rPh sb="6" eb="9">
      <t>ニチョウメ</t>
    </rPh>
    <rPh sb="10" eb="11">
      <t>バン</t>
    </rPh>
    <rPh sb="13" eb="14">
      <t>ゴウ</t>
    </rPh>
    <phoneticPr fontId="4"/>
  </si>
  <si>
    <t>(046)833-0088</t>
    <phoneticPr fontId="4"/>
  </si>
  <si>
    <t>(株)ライズ　横須賀営業所</t>
    <rPh sb="7" eb="10">
      <t>ヨコスカ</t>
    </rPh>
    <rPh sb="10" eb="13">
      <t>エイギョウショ</t>
    </rPh>
    <phoneticPr fontId="4"/>
  </si>
  <si>
    <t>神奈川県３貯第76号</t>
    <phoneticPr fontId="4"/>
  </si>
  <si>
    <t>箱根町宮城野２１１番地</t>
    <rPh sb="9" eb="11">
      <t>バンチ</t>
    </rPh>
    <phoneticPr fontId="4"/>
  </si>
  <si>
    <t>（0460)82-2577</t>
    <phoneticPr fontId="4"/>
  </si>
  <si>
    <t>(株)髙畠配管所</t>
    <rPh sb="3" eb="4">
      <t>タカ</t>
    </rPh>
    <phoneticPr fontId="4"/>
  </si>
  <si>
    <t>神奈川県３貯第73号</t>
    <phoneticPr fontId="4"/>
  </si>
  <si>
    <t>神奈川県３貯第71号</t>
    <phoneticPr fontId="4"/>
  </si>
  <si>
    <t>厚木市中町二丁目３番１号</t>
    <rPh sb="5" eb="6">
      <t>2</t>
    </rPh>
    <rPh sb="6" eb="8">
      <t>チョウメ</t>
    </rPh>
    <rPh sb="9" eb="10">
      <t>バン</t>
    </rPh>
    <rPh sb="11" eb="12">
      <t>ゴウ</t>
    </rPh>
    <phoneticPr fontId="4"/>
  </si>
  <si>
    <t>神奈川県３貯第65号</t>
    <phoneticPr fontId="4"/>
  </si>
  <si>
    <t>平塚市浅間町７番１６号</t>
    <rPh sb="7" eb="8">
      <t>バン</t>
    </rPh>
    <rPh sb="10" eb="11">
      <t>ゴウ</t>
    </rPh>
    <phoneticPr fontId="4"/>
  </si>
  <si>
    <t>(0463)32-1206</t>
  </si>
  <si>
    <t>(株)ダイイチ美装社</t>
  </si>
  <si>
    <t>神奈川県３貯第62号</t>
    <phoneticPr fontId="4"/>
  </si>
  <si>
    <t>茅ヶ崎市甘沼200－１オクトス湘南ヴィスタヒル502</t>
    <phoneticPr fontId="4"/>
  </si>
  <si>
    <t>253-0004</t>
    <phoneticPr fontId="4"/>
  </si>
  <si>
    <t>(0467)54-6414</t>
  </si>
  <si>
    <t>(株)ソウマ</t>
  </si>
  <si>
    <t>神奈川県３貯第56号</t>
    <phoneticPr fontId="4"/>
  </si>
  <si>
    <t>平塚市四之宮一丁目２番30号</t>
    <phoneticPr fontId="4"/>
  </si>
  <si>
    <t>254-0014</t>
  </si>
  <si>
    <t>(0463)33-3108</t>
  </si>
  <si>
    <t>(株)郵生</t>
  </si>
  <si>
    <t>神奈川県３貯第48号</t>
    <phoneticPr fontId="4"/>
  </si>
  <si>
    <t>厚木市妻田南一丁目17番54号</t>
    <phoneticPr fontId="4"/>
  </si>
  <si>
    <t>243-0814</t>
  </si>
  <si>
    <t>(046)222-2555</t>
  </si>
  <si>
    <t>(株)朝日美装</t>
  </si>
  <si>
    <t>神奈川県３貯第45号</t>
    <phoneticPr fontId="4"/>
  </si>
  <si>
    <t>藤沢市川名二丁目５番25号</t>
    <rPh sb="5" eb="8">
      <t>ニチョウメ</t>
    </rPh>
    <rPh sb="9" eb="10">
      <t>バン</t>
    </rPh>
    <rPh sb="12" eb="13">
      <t>ゴウ</t>
    </rPh>
    <phoneticPr fontId="4"/>
  </si>
  <si>
    <t>251-0015</t>
  </si>
  <si>
    <t>(0466)25-2252</t>
  </si>
  <si>
    <t>相和設備工業(株)</t>
  </si>
  <si>
    <t>神奈川県３貯第44号</t>
    <phoneticPr fontId="4"/>
  </si>
  <si>
    <t>箱根町宮城野921番地の13</t>
    <rPh sb="9" eb="11">
      <t>バンチ</t>
    </rPh>
    <phoneticPr fontId="4"/>
  </si>
  <si>
    <t>（0460)87-6121</t>
    <phoneticPr fontId="4"/>
  </si>
  <si>
    <t>(有)箱根清掃公社</t>
  </si>
  <si>
    <t>神奈川県３貯第33号</t>
    <phoneticPr fontId="4"/>
  </si>
  <si>
    <t>小田原市寿町１－１－12</t>
    <phoneticPr fontId="4"/>
  </si>
  <si>
    <t>250-0002</t>
  </si>
  <si>
    <t>(0465)35-2038</t>
  </si>
  <si>
    <t>フロンティア１(株)</t>
    <rPh sb="7" eb="10">
      <t>カブ</t>
    </rPh>
    <phoneticPr fontId="4"/>
  </si>
  <si>
    <t>神奈川県３貯第23号</t>
    <phoneticPr fontId="4"/>
  </si>
  <si>
    <t>小田原市栢山３３０１－３</t>
  </si>
  <si>
    <t>250-0852</t>
  </si>
  <si>
    <t>(0465)37-2361</t>
  </si>
  <si>
    <t>(有)加藤設備</t>
  </si>
  <si>
    <t>神奈川県３貯第７号</t>
    <phoneticPr fontId="4"/>
  </si>
  <si>
    <t>小田原市蓮正寺７７４－１</t>
  </si>
  <si>
    <t>250-0865</t>
  </si>
  <si>
    <t>(0465)36-1761</t>
  </si>
  <si>
    <t>(株)ニッテク</t>
  </si>
  <si>
    <t>神奈川県３貯第６号</t>
    <phoneticPr fontId="4"/>
  </si>
  <si>
    <t>平塚市片岡63番地の３</t>
    <phoneticPr fontId="4"/>
  </si>
  <si>
    <t>(0463)58-8989</t>
  </si>
  <si>
    <t>(株)アサヒエンジニアリング</t>
  </si>
  <si>
    <t>神奈川県３貯第２号</t>
    <phoneticPr fontId="4"/>
  </si>
  <si>
    <t>藤沢市鵠沼橘一丁目１番４号砂川ﾋﾞﾙ５階</t>
    <rPh sb="6" eb="9">
      <t>イッチョウメ</t>
    </rPh>
    <rPh sb="10" eb="11">
      <t>バン</t>
    </rPh>
    <rPh sb="12" eb="13">
      <t>ゴウ</t>
    </rPh>
    <rPh sb="19" eb="20">
      <t>カイ</t>
    </rPh>
    <phoneticPr fontId="4"/>
  </si>
  <si>
    <t>251-0024</t>
  </si>
  <si>
    <t>(0466)23-0325</t>
  </si>
  <si>
    <t>(株)東幸　湘南営業所</t>
  </si>
  <si>
    <t>神奈川県 ２貯第146号</t>
    <phoneticPr fontId="4"/>
  </si>
  <si>
    <t>平塚市中原三丁目19番27号</t>
    <rPh sb="10" eb="11">
      <t>バン</t>
    </rPh>
    <phoneticPr fontId="4"/>
  </si>
  <si>
    <t>254-0075</t>
  </si>
  <si>
    <t>(0463)32-3200</t>
  </si>
  <si>
    <t>扶桑工業(株)</t>
  </si>
  <si>
    <t>神奈川県２貯第127号</t>
    <phoneticPr fontId="4"/>
  </si>
  <si>
    <t>平塚市中原三丁目26番８号</t>
    <phoneticPr fontId="4"/>
  </si>
  <si>
    <t>254-0075</t>
    <phoneticPr fontId="4"/>
  </si>
  <si>
    <t>(0463)32-8853</t>
  </si>
  <si>
    <t>(株)浄化槽管理センター</t>
  </si>
  <si>
    <t>神奈川県２貯第125号</t>
    <phoneticPr fontId="4"/>
  </si>
  <si>
    <t>平塚市中堂13番16号</t>
    <phoneticPr fontId="4"/>
  </si>
  <si>
    <t>254-0026</t>
  </si>
  <si>
    <t>(0463)23-3691</t>
  </si>
  <si>
    <t>高橋産業(株)</t>
  </si>
  <si>
    <t>神奈川県２貯第105号</t>
    <phoneticPr fontId="4"/>
  </si>
  <si>
    <t>平塚市八重咲町２番２号シーホース湘南ビル４階</t>
    <rPh sb="8" eb="9">
      <t>バン</t>
    </rPh>
    <rPh sb="10" eb="11">
      <t>ゴウ</t>
    </rPh>
    <rPh sb="16" eb="18">
      <t>ショウナン</t>
    </rPh>
    <rPh sb="21" eb="22">
      <t>カイ</t>
    </rPh>
    <phoneticPr fontId="4"/>
  </si>
  <si>
    <t>(0463)22-1494</t>
  </si>
  <si>
    <t>(株)湘南美装</t>
  </si>
  <si>
    <t>神奈川県２貯第104号</t>
    <phoneticPr fontId="4"/>
  </si>
  <si>
    <t>横須賀市小川町14番地１</t>
    <rPh sb="9" eb="11">
      <t>バンチ</t>
    </rPh>
    <phoneticPr fontId="4"/>
  </si>
  <si>
    <t>(046)820-2400</t>
    <phoneticPr fontId="4"/>
  </si>
  <si>
    <t>(株)不二テクノ</t>
    <phoneticPr fontId="4"/>
  </si>
  <si>
    <t>神奈川県２貯第101号</t>
    <phoneticPr fontId="4"/>
  </si>
  <si>
    <t>伊勢原市上粕屋448－19</t>
    <phoneticPr fontId="4"/>
  </si>
  <si>
    <t>(0463)93-0662</t>
  </si>
  <si>
    <t>(株)丹野設備工業所</t>
  </si>
  <si>
    <t>神奈川県２貯第93号</t>
    <phoneticPr fontId="4"/>
  </si>
  <si>
    <t>横須賀市浦郷町四丁目12番地</t>
    <rPh sb="7" eb="10">
      <t>４チョウメ</t>
    </rPh>
    <rPh sb="12" eb="14">
      <t>バンチ</t>
    </rPh>
    <phoneticPr fontId="4"/>
  </si>
  <si>
    <t>神奈川県２貯第91号</t>
    <phoneticPr fontId="4"/>
  </si>
  <si>
    <t>三浦市南下浦町上宮田1180</t>
    <phoneticPr fontId="4"/>
  </si>
  <si>
    <t>238-0101</t>
  </si>
  <si>
    <t>(046)888-0441</t>
  </si>
  <si>
    <t>(有)島崎設備工業</t>
    <rPh sb="0" eb="3">
      <t>ユウゲンガイシャ</t>
    </rPh>
    <phoneticPr fontId="4"/>
  </si>
  <si>
    <t>神奈川県２貯第86号</t>
    <phoneticPr fontId="4"/>
  </si>
  <si>
    <t>小田原市本町一丁目13番６号</t>
    <rPh sb="6" eb="9">
      <t>イッチョウメ</t>
    </rPh>
    <rPh sb="11" eb="12">
      <t>バン</t>
    </rPh>
    <rPh sb="13" eb="14">
      <t>ゴウ</t>
    </rPh>
    <phoneticPr fontId="4"/>
  </si>
  <si>
    <t>(0465)23-4116</t>
    <phoneticPr fontId="4"/>
  </si>
  <si>
    <t>(株)東海ビルメンテナス</t>
  </si>
  <si>
    <t>神奈川県２貯第66号</t>
    <phoneticPr fontId="4"/>
  </si>
  <si>
    <t>鎌倉市大町４－１－３５</t>
    <phoneticPr fontId="4"/>
  </si>
  <si>
    <t>248-0007</t>
  </si>
  <si>
    <t>(0467)22-2205</t>
  </si>
  <si>
    <t>(株)神中運輸</t>
  </si>
  <si>
    <t>神奈川県２貯第57号</t>
    <phoneticPr fontId="4"/>
  </si>
  <si>
    <t>鎌倉市長谷一丁目11番14号</t>
    <rPh sb="5" eb="8">
      <t>イッチョウメ</t>
    </rPh>
    <rPh sb="10" eb="11">
      <t>バン</t>
    </rPh>
    <rPh sb="13" eb="14">
      <t>ゴウ</t>
    </rPh>
    <phoneticPr fontId="4"/>
  </si>
  <si>
    <t>248-0016</t>
  </si>
  <si>
    <t>(0467)22-1070</t>
  </si>
  <si>
    <t>(株)金沢商会</t>
    <rPh sb="0" eb="3">
      <t>カブシキガイシャ</t>
    </rPh>
    <phoneticPr fontId="4"/>
  </si>
  <si>
    <t>神奈川県２貯第55号</t>
    <phoneticPr fontId="4"/>
  </si>
  <si>
    <t>厚木市及川二丁目20番37号</t>
    <rPh sb="5" eb="6">
      <t>フタ</t>
    </rPh>
    <rPh sb="6" eb="8">
      <t>チョウメ</t>
    </rPh>
    <rPh sb="10" eb="11">
      <t>バン</t>
    </rPh>
    <rPh sb="13" eb="14">
      <t>ゴウ</t>
    </rPh>
    <phoneticPr fontId="4"/>
  </si>
  <si>
    <t>243-0212</t>
  </si>
  <si>
    <t>(046)241-1128</t>
  </si>
  <si>
    <t>(株)新日本工業</t>
  </si>
  <si>
    <t>神奈川県２貯第54号</t>
    <phoneticPr fontId="4"/>
  </si>
  <si>
    <t>秦野市鈴張町１－13</t>
    <phoneticPr fontId="4"/>
  </si>
  <si>
    <t>257-0055</t>
  </si>
  <si>
    <t>(0463)83-1521</t>
  </si>
  <si>
    <t>(株)設衛研究センター</t>
  </si>
  <si>
    <t>神奈川県２貯第46号</t>
    <phoneticPr fontId="4"/>
  </si>
  <si>
    <t>横須賀市長瀬一丁目16番１号</t>
    <rPh sb="6" eb="9">
      <t>イッチョウメ</t>
    </rPh>
    <rPh sb="11" eb="12">
      <t>バン</t>
    </rPh>
    <rPh sb="13" eb="14">
      <t>ゴウ</t>
    </rPh>
    <phoneticPr fontId="4"/>
  </si>
  <si>
    <t>239-0826</t>
  </si>
  <si>
    <t>(046)841-0125</t>
  </si>
  <si>
    <t>(有)山下インテリアルクリーニングサービス</t>
    <phoneticPr fontId="4"/>
  </si>
  <si>
    <t>神奈川県２貯第41号</t>
    <phoneticPr fontId="4"/>
  </si>
  <si>
    <t>横須賀市久里浜一丁目17番２号</t>
    <rPh sb="4" eb="7">
      <t>クリハマ</t>
    </rPh>
    <rPh sb="7" eb="10">
      <t>イッチョウメ</t>
    </rPh>
    <rPh sb="12" eb="13">
      <t>バン</t>
    </rPh>
    <rPh sb="14" eb="15">
      <t>ゴウ</t>
    </rPh>
    <phoneticPr fontId="4"/>
  </si>
  <si>
    <t>239-0831</t>
    <phoneticPr fontId="4"/>
  </si>
  <si>
    <t>(046)835-8440</t>
  </si>
  <si>
    <t>(株)鈴栄工業</t>
    <phoneticPr fontId="4"/>
  </si>
  <si>
    <t>神奈川県２貯第40号</t>
    <phoneticPr fontId="4"/>
  </si>
  <si>
    <t>湯河原町鍛冶屋８５５－２４</t>
    <phoneticPr fontId="4"/>
  </si>
  <si>
    <t>259-0313</t>
    <phoneticPr fontId="4"/>
  </si>
  <si>
    <t>(0465)63-1143</t>
  </si>
  <si>
    <t>(株)保全社</t>
  </si>
  <si>
    <t>神奈川県２貯第28号</t>
    <phoneticPr fontId="4"/>
  </si>
  <si>
    <t>大和市鶴間二丁目３番９号</t>
    <rPh sb="0" eb="3">
      <t>ヤマトシ</t>
    </rPh>
    <rPh sb="3" eb="5">
      <t>ツルマ</t>
    </rPh>
    <rPh sb="5" eb="6">
      <t>フタ</t>
    </rPh>
    <rPh sb="6" eb="8">
      <t>チョウメ</t>
    </rPh>
    <rPh sb="9" eb="10">
      <t>バン</t>
    </rPh>
    <rPh sb="11" eb="12">
      <t>ゴウ</t>
    </rPh>
    <phoneticPr fontId="4"/>
  </si>
  <si>
    <t>242-0004</t>
    <phoneticPr fontId="4"/>
  </si>
  <si>
    <t>（046）272-0525</t>
    <phoneticPr fontId="4"/>
  </si>
  <si>
    <t>(有)八九タンククリニック</t>
    <rPh sb="0" eb="3">
      <t>ユウゲンガイシャ</t>
    </rPh>
    <rPh sb="3" eb="4">
      <t>ハチ</t>
    </rPh>
    <rPh sb="4" eb="5">
      <t>キュウ</t>
    </rPh>
    <phoneticPr fontId="4"/>
  </si>
  <si>
    <t>神奈川県２貯第24号</t>
    <rPh sb="0" eb="4">
      <t>カナガワケン</t>
    </rPh>
    <rPh sb="5" eb="6">
      <t>チョ</t>
    </rPh>
    <rPh sb="6" eb="7">
      <t>ダイ</t>
    </rPh>
    <rPh sb="9" eb="10">
      <t>ゴウ</t>
    </rPh>
    <phoneticPr fontId="4"/>
  </si>
  <si>
    <t>横須賀市林二丁目10番22号</t>
    <rPh sb="0" eb="4">
      <t>ヨコスカシ</t>
    </rPh>
    <rPh sb="4" eb="5">
      <t>ハヤシ</t>
    </rPh>
    <rPh sb="5" eb="8">
      <t>ニチョウメ</t>
    </rPh>
    <rPh sb="10" eb="11">
      <t>バン</t>
    </rPh>
    <rPh sb="13" eb="14">
      <t>ゴウ</t>
    </rPh>
    <phoneticPr fontId="4"/>
  </si>
  <si>
    <t>238-0315</t>
    <phoneticPr fontId="4"/>
  </si>
  <si>
    <t>（046）856-2100</t>
    <phoneticPr fontId="4"/>
  </si>
  <si>
    <t>(株)いづみ工事</t>
    <rPh sb="0" eb="3">
      <t>カブ</t>
    </rPh>
    <rPh sb="6" eb="8">
      <t>コウジ</t>
    </rPh>
    <phoneticPr fontId="4"/>
  </si>
  <si>
    <t>神奈川県２貯第17号</t>
    <phoneticPr fontId="4"/>
  </si>
  <si>
    <t>藤沢市大庭2162番地３</t>
    <rPh sb="9" eb="11">
      <t>バンチ</t>
    </rPh>
    <phoneticPr fontId="4"/>
  </si>
  <si>
    <t>(0466)34-4282</t>
  </si>
  <si>
    <t>(株)環衛保全センター</t>
  </si>
  <si>
    <t>神奈川県２貯第11号</t>
    <phoneticPr fontId="4"/>
  </si>
  <si>
    <t>平塚市四之宮四丁目20番19号</t>
    <rPh sb="3" eb="6">
      <t>シノミヤ</t>
    </rPh>
    <rPh sb="6" eb="7">
      <t>４</t>
    </rPh>
    <rPh sb="7" eb="9">
      <t>チョウメ</t>
    </rPh>
    <rPh sb="11" eb="12">
      <t>バン</t>
    </rPh>
    <rPh sb="14" eb="15">
      <t>ゴウ</t>
    </rPh>
    <phoneticPr fontId="4"/>
  </si>
  <si>
    <t>(0463)55-9666</t>
    <phoneticPr fontId="4"/>
  </si>
  <si>
    <t>(株)サンエーヒラツカ</t>
  </si>
  <si>
    <t>神奈川県元貯第44号</t>
  </si>
  <si>
    <t>茅ヶ崎市矢畑731番地の５</t>
    <rPh sb="9" eb="11">
      <t>バンチ</t>
    </rPh>
    <phoneticPr fontId="4"/>
  </si>
  <si>
    <t>253-0085</t>
  </si>
  <si>
    <t>(0467)85-9141</t>
  </si>
  <si>
    <t>(株)出雲水理管理センター</t>
    <phoneticPr fontId="4"/>
  </si>
  <si>
    <t>神奈川県元貯第40号</t>
  </si>
  <si>
    <t>平塚市南金目892番地の６</t>
    <phoneticPr fontId="4"/>
  </si>
  <si>
    <t>(0463)50-1777</t>
    <phoneticPr fontId="4"/>
  </si>
  <si>
    <t>(有)神奈川クリーナー</t>
  </si>
  <si>
    <t>神奈川県元貯第39号</t>
  </si>
  <si>
    <t>湯河原町宮上７32番地</t>
    <rPh sb="9" eb="11">
      <t>バンチ</t>
    </rPh>
    <phoneticPr fontId="4"/>
  </si>
  <si>
    <t>259-0314</t>
  </si>
  <si>
    <t>(0465)63-1757</t>
  </si>
  <si>
    <t>(株)伊藤工務店</t>
  </si>
  <si>
    <t>神奈川県元貯第38号</t>
  </si>
  <si>
    <t>平塚市平塚四丁目32番15号</t>
    <rPh sb="5" eb="6">
      <t>ヨン</t>
    </rPh>
    <rPh sb="6" eb="8">
      <t>チョウメ</t>
    </rPh>
    <rPh sb="10" eb="11">
      <t>バン</t>
    </rPh>
    <rPh sb="13" eb="14">
      <t>ゴウ</t>
    </rPh>
    <phoneticPr fontId="4"/>
  </si>
  <si>
    <t>(0463)32-8491</t>
    <phoneticPr fontId="4"/>
  </si>
  <si>
    <t>(株)北青サービス</t>
  </si>
  <si>
    <t>神奈川県元貯第37号</t>
  </si>
  <si>
    <t>小田原市風祭72番地１</t>
    <rPh sb="8" eb="10">
      <t>バンチ</t>
    </rPh>
    <phoneticPr fontId="4"/>
  </si>
  <si>
    <t>(0465)23-4038</t>
  </si>
  <si>
    <t>(株)オービーエム管財</t>
  </si>
  <si>
    <t>神奈川県元貯第35号</t>
  </si>
  <si>
    <t>厚木市愛甲一丁目17番19号</t>
    <phoneticPr fontId="4"/>
  </si>
  <si>
    <t>(046)248-1653</t>
  </si>
  <si>
    <t>(有)豊商事</t>
    <rPh sb="0" eb="3">
      <t>ユウゲンガイシャ</t>
    </rPh>
    <phoneticPr fontId="4"/>
  </si>
  <si>
    <t>神奈川県元貯第32号</t>
  </si>
  <si>
    <t>寒川町倉見968番地１</t>
    <rPh sb="8" eb="10">
      <t>バンチ</t>
    </rPh>
    <phoneticPr fontId="4"/>
  </si>
  <si>
    <t>253-0101</t>
  </si>
  <si>
    <t>(0467)75-2111</t>
  </si>
  <si>
    <t>(株)サンエーサンクス</t>
  </si>
  <si>
    <t>神奈川県元貯第29号</t>
  </si>
  <si>
    <t>藤沢市本町二丁目10番17号</t>
    <rPh sb="5" eb="8">
      <t>ニチョウメ</t>
    </rPh>
    <rPh sb="10" eb="11">
      <t>バン</t>
    </rPh>
    <rPh sb="13" eb="14">
      <t>ゴウ</t>
    </rPh>
    <phoneticPr fontId="4"/>
  </si>
  <si>
    <t>251-0053</t>
  </si>
  <si>
    <t>(0466)25-7618</t>
  </si>
  <si>
    <t>マルコービルワーク(株)</t>
  </si>
  <si>
    <t>神奈川県元貯第20号</t>
  </si>
  <si>
    <t>小田原市中町１－１－10</t>
    <rPh sb="0" eb="4">
      <t>オダワラシ</t>
    </rPh>
    <rPh sb="4" eb="6">
      <t>ナカチョウ</t>
    </rPh>
    <phoneticPr fontId="4"/>
  </si>
  <si>
    <t>250-0005</t>
    <phoneticPr fontId="4"/>
  </si>
  <si>
    <t>(0465)24-9171</t>
    <phoneticPr fontId="4"/>
  </si>
  <si>
    <t>神奈川県元貯第15号</t>
  </si>
  <si>
    <t>小田原市中曽根９２－６</t>
  </si>
  <si>
    <t>250-0866</t>
  </si>
  <si>
    <t>(0465)36-2684</t>
  </si>
  <si>
    <t>(株)美装フジモト</t>
  </si>
  <si>
    <t>神奈川県元貯第10号</t>
  </si>
  <si>
    <t>南足柄市狩野４８６</t>
  </si>
  <si>
    <t>250-0126</t>
  </si>
  <si>
    <t>(0465)74-0056</t>
  </si>
  <si>
    <t>あしがら環境保全(株)</t>
  </si>
  <si>
    <t>神奈川県元貯第４号</t>
    <phoneticPr fontId="4"/>
  </si>
  <si>
    <t xml:space="preserve"> </t>
  </si>
  <si>
    <t>建築物飲料水貯水槽清掃業　５号登録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[&lt;=999]000;000&quot;¥&quot;&quot;¥&quot;\!\!\-0000"/>
    <numFmt numFmtId="177" formatCode="[&lt;=99999999]####&quot;¥&quot;&quot;¥&quot;\!\!\-####;&quot;¥&quot;&quot;¥&quot;\!\!\(000&quot;¥&quot;&quot;¥&quot;\!\!\)&quot;¥&quot;&quot;¥&quot;\!\!\ ###&quot;¥&quot;&quot;¥&quot;\!\!\-####"/>
    <numFmt numFmtId="178" formatCode="[&lt;=99999999]####\-####;\(#000\)###\-####"/>
  </numFmts>
  <fonts count="5" x14ac:knownFonts="1">
    <font>
      <sz val="11"/>
      <color theme="1"/>
      <name val="游ゴシック"/>
      <family val="2"/>
      <scheme val="minor"/>
    </font>
    <font>
      <sz val="11"/>
      <color theme="1"/>
      <name val="ＭＳ Ｐゴシック"/>
      <family val="3"/>
      <charset val="128"/>
    </font>
    <font>
      <sz val="6"/>
      <name val="游ゴシック"/>
      <family val="3"/>
      <charset val="128"/>
      <scheme val="minor"/>
    </font>
    <font>
      <sz val="11"/>
      <color rgb="FFFF0000"/>
      <name val="ＭＳ Ｐゴシック"/>
      <family val="3"/>
      <charset val="128"/>
    </font>
    <font>
      <sz val="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20">
    <xf numFmtId="0" fontId="0" fillId="0" borderId="0" xfId="0"/>
    <xf numFmtId="0" fontId="1" fillId="0" borderId="0" xfId="0" applyFont="1" applyAlignment="1">
      <alignment vertical="center" shrinkToFit="1"/>
    </xf>
    <xf numFmtId="177" fontId="1" fillId="0" borderId="0" xfId="0" applyNumberFormat="1" applyFont="1" applyAlignment="1">
      <alignment horizontal="center" vertical="center" shrinkToFit="1"/>
    </xf>
    <xf numFmtId="0" fontId="1" fillId="0" borderId="1" xfId="0" applyFont="1" applyBorder="1" applyAlignment="1">
      <alignment vertical="center" shrinkToFit="1"/>
    </xf>
    <xf numFmtId="176" fontId="1" fillId="0" borderId="1" xfId="0" applyNumberFormat="1" applyFont="1" applyBorder="1" applyAlignment="1">
      <alignment horizontal="center" vertical="center" shrinkToFit="1"/>
    </xf>
    <xf numFmtId="177" fontId="1" fillId="0" borderId="1" xfId="0" applyNumberFormat="1" applyFont="1" applyBorder="1" applyAlignment="1">
      <alignment horizontal="center" vertical="center" shrinkToFit="1"/>
    </xf>
    <xf numFmtId="0" fontId="3" fillId="0" borderId="0" xfId="0" applyFont="1" applyAlignment="1">
      <alignment vertical="center" shrinkToFit="1"/>
    </xf>
    <xf numFmtId="0" fontId="1" fillId="0" borderId="1" xfId="0" applyFont="1" applyBorder="1" applyAlignment="1">
      <alignment horizontal="center" vertical="center" shrinkToFit="1"/>
    </xf>
    <xf numFmtId="178" fontId="1" fillId="0" borderId="1" xfId="0" applyNumberFormat="1" applyFont="1" applyBorder="1" applyAlignment="1">
      <alignment horizontal="center" vertical="center" wrapText="1" shrinkToFit="1"/>
    </xf>
    <xf numFmtId="0" fontId="1" fillId="0" borderId="1" xfId="0" applyFont="1" applyBorder="1" applyAlignment="1">
      <alignment vertical="center" wrapText="1" shrinkToFit="1"/>
    </xf>
    <xf numFmtId="178" fontId="1" fillId="0" borderId="1" xfId="0" applyNumberFormat="1" applyFont="1" applyBorder="1" applyAlignment="1">
      <alignment horizontal="center" vertical="center" shrinkToFit="1"/>
    </xf>
    <xf numFmtId="0" fontId="1" fillId="0" borderId="0" xfId="0" applyFont="1" applyAlignment="1">
      <alignment horizontal="center" vertical="center" shrinkToFit="1"/>
    </xf>
    <xf numFmtId="0" fontId="1" fillId="0" borderId="0" xfId="0" applyFont="1" applyAlignment="1">
      <alignment horizontal="left" vertical="center"/>
    </xf>
    <xf numFmtId="0" fontId="1" fillId="0" borderId="2" xfId="0" applyFont="1" applyBorder="1" applyAlignment="1">
      <alignment vertical="center" shrinkToFit="1"/>
    </xf>
    <xf numFmtId="0" fontId="1" fillId="0" borderId="3" xfId="0" applyFont="1" applyBorder="1" applyAlignment="1">
      <alignment vertical="center" shrinkToFit="1"/>
    </xf>
    <xf numFmtId="0" fontId="1" fillId="0" borderId="3" xfId="0" applyFont="1" applyBorder="1" applyAlignment="1">
      <alignment horizontal="center" vertical="center" shrinkToFit="1"/>
    </xf>
    <xf numFmtId="177" fontId="1" fillId="0" borderId="3" xfId="0" applyNumberFormat="1" applyFont="1" applyBorder="1" applyAlignment="1">
      <alignment horizontal="center" vertical="center" shrinkToFit="1"/>
    </xf>
    <xf numFmtId="0" fontId="1" fillId="2" borderId="1" xfId="0" applyFont="1" applyFill="1" applyBorder="1" applyAlignment="1">
      <alignment horizontal="center" vertical="center" shrinkToFit="1"/>
    </xf>
    <xf numFmtId="0" fontId="1" fillId="0" borderId="0" xfId="0" applyFont="1"/>
    <xf numFmtId="177" fontId="1" fillId="0" borderId="0" xfId="0" applyNumberFormat="1" applyFont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54AD617-7FBC-441F-B862-BA631CE90B9F}">
  <dimension ref="A1:E154"/>
  <sheetViews>
    <sheetView tabSelected="1" topLeftCell="A91" workbookViewId="0">
      <selection activeCell="E11" sqref="E11"/>
    </sheetView>
  </sheetViews>
  <sheetFormatPr defaultColWidth="8.09765625" defaultRowHeight="13.2" x14ac:dyDescent="0.45"/>
  <cols>
    <col min="1" max="1" width="17.69921875" style="1" customWidth="1"/>
    <col min="2" max="2" width="31.3984375" style="1" customWidth="1"/>
    <col min="3" max="3" width="14.09765625" style="2" customWidth="1"/>
    <col min="4" max="4" width="8.8984375" style="11" customWidth="1"/>
    <col min="5" max="5" width="44.8984375" style="1" customWidth="1"/>
    <col min="6" max="16384" width="8.09765625" style="1"/>
  </cols>
  <sheetData>
    <row r="1" spans="1:5" s="12" customFormat="1" ht="22.5" customHeight="1" x14ac:dyDescent="0.45">
      <c r="A1" s="12" t="s">
        <v>750</v>
      </c>
      <c r="C1" s="19" t="s">
        <v>749</v>
      </c>
      <c r="D1" s="11" t="s">
        <v>749</v>
      </c>
    </row>
    <row r="2" spans="1:5" s="11" customFormat="1" ht="22.5" customHeight="1" x14ac:dyDescent="0.45">
      <c r="A2" s="7" t="s">
        <v>44</v>
      </c>
      <c r="B2" s="7" t="s">
        <v>43</v>
      </c>
      <c r="C2" s="5" t="s">
        <v>42</v>
      </c>
      <c r="D2" s="7" t="s">
        <v>41</v>
      </c>
      <c r="E2" s="7" t="s">
        <v>40</v>
      </c>
    </row>
    <row r="3" spans="1:5" ht="23.4" customHeight="1" x14ac:dyDescent="0.45">
      <c r="A3" s="3" t="s">
        <v>748</v>
      </c>
      <c r="B3" s="3" t="s">
        <v>747</v>
      </c>
      <c r="C3" s="10" t="s">
        <v>746</v>
      </c>
      <c r="D3" s="7" t="s">
        <v>745</v>
      </c>
      <c r="E3" s="3" t="s">
        <v>744</v>
      </c>
    </row>
    <row r="4" spans="1:5" ht="23.4" customHeight="1" x14ac:dyDescent="0.45">
      <c r="A4" s="3" t="s">
        <v>743</v>
      </c>
      <c r="B4" s="3" t="s">
        <v>742</v>
      </c>
      <c r="C4" s="10" t="s">
        <v>741</v>
      </c>
      <c r="D4" s="7" t="s">
        <v>740</v>
      </c>
      <c r="E4" s="3" t="s">
        <v>739</v>
      </c>
    </row>
    <row r="5" spans="1:5" ht="23.4" customHeight="1" x14ac:dyDescent="0.45">
      <c r="A5" s="3" t="s">
        <v>738</v>
      </c>
      <c r="B5" s="3" t="s">
        <v>34</v>
      </c>
      <c r="C5" s="10" t="s">
        <v>737</v>
      </c>
      <c r="D5" s="7" t="s">
        <v>736</v>
      </c>
      <c r="E5" s="3" t="s">
        <v>735</v>
      </c>
    </row>
    <row r="6" spans="1:5" ht="23.4" customHeight="1" x14ac:dyDescent="0.45">
      <c r="A6" s="3" t="s">
        <v>734</v>
      </c>
      <c r="B6" s="3" t="s">
        <v>733</v>
      </c>
      <c r="C6" s="10" t="s">
        <v>732</v>
      </c>
      <c r="D6" s="7" t="s">
        <v>731</v>
      </c>
      <c r="E6" s="3" t="s">
        <v>730</v>
      </c>
    </row>
    <row r="7" spans="1:5" ht="23.4" customHeight="1" x14ac:dyDescent="0.45">
      <c r="A7" s="3" t="s">
        <v>729</v>
      </c>
      <c r="B7" s="3" t="s">
        <v>728</v>
      </c>
      <c r="C7" s="10" t="s">
        <v>727</v>
      </c>
      <c r="D7" s="7" t="s">
        <v>726</v>
      </c>
      <c r="E7" s="3" t="s">
        <v>725</v>
      </c>
    </row>
    <row r="8" spans="1:5" ht="23.4" customHeight="1" x14ac:dyDescent="0.45">
      <c r="A8" s="3" t="s">
        <v>724</v>
      </c>
      <c r="B8" s="3" t="s">
        <v>723</v>
      </c>
      <c r="C8" s="10" t="s">
        <v>722</v>
      </c>
      <c r="D8" s="7" t="s">
        <v>9</v>
      </c>
      <c r="E8" s="3" t="s">
        <v>721</v>
      </c>
    </row>
    <row r="9" spans="1:5" ht="23.4" customHeight="1" x14ac:dyDescent="0.45">
      <c r="A9" s="3" t="s">
        <v>720</v>
      </c>
      <c r="B9" s="3" t="s">
        <v>719</v>
      </c>
      <c r="C9" s="10" t="s">
        <v>718</v>
      </c>
      <c r="D9" s="7" t="s">
        <v>6</v>
      </c>
      <c r="E9" s="3" t="s">
        <v>717</v>
      </c>
    </row>
    <row r="10" spans="1:5" ht="23.4" customHeight="1" x14ac:dyDescent="0.45">
      <c r="A10" s="3" t="s">
        <v>716</v>
      </c>
      <c r="B10" s="3" t="s">
        <v>715</v>
      </c>
      <c r="C10" s="10" t="s">
        <v>714</v>
      </c>
      <c r="D10" s="7" t="s">
        <v>15</v>
      </c>
      <c r="E10" s="3" t="s">
        <v>713</v>
      </c>
    </row>
    <row r="11" spans="1:5" ht="23.4" customHeight="1" x14ac:dyDescent="0.45">
      <c r="A11" s="3" t="s">
        <v>712</v>
      </c>
      <c r="B11" s="3" t="s">
        <v>711</v>
      </c>
      <c r="C11" s="10" t="s">
        <v>710</v>
      </c>
      <c r="D11" s="7" t="s">
        <v>709</v>
      </c>
      <c r="E11" s="3" t="s">
        <v>708</v>
      </c>
    </row>
    <row r="12" spans="1:5" ht="23.4" customHeight="1" x14ac:dyDescent="0.45">
      <c r="A12" s="3" t="s">
        <v>707</v>
      </c>
      <c r="B12" s="3" t="s">
        <v>706</v>
      </c>
      <c r="C12" s="10" t="s">
        <v>705</v>
      </c>
      <c r="D12" s="7" t="s">
        <v>343</v>
      </c>
      <c r="E12" s="3" t="s">
        <v>704</v>
      </c>
    </row>
    <row r="13" spans="1:5" ht="23.4" customHeight="1" x14ac:dyDescent="0.45">
      <c r="A13" s="3" t="s">
        <v>703</v>
      </c>
      <c r="B13" s="3" t="s">
        <v>702</v>
      </c>
      <c r="C13" s="10" t="s">
        <v>701</v>
      </c>
      <c r="D13" s="7" t="s">
        <v>700</v>
      </c>
      <c r="E13" s="3" t="s">
        <v>699</v>
      </c>
    </row>
    <row r="14" spans="1:5" ht="23.4" customHeight="1" x14ac:dyDescent="0.45">
      <c r="A14" s="3" t="s">
        <v>698</v>
      </c>
      <c r="B14" s="3" t="s">
        <v>697</v>
      </c>
      <c r="C14" s="10" t="s">
        <v>696</v>
      </c>
      <c r="D14" s="7" t="s">
        <v>143</v>
      </c>
      <c r="E14" s="3" t="s">
        <v>695</v>
      </c>
    </row>
    <row r="15" spans="1:5" ht="23.4" customHeight="1" x14ac:dyDescent="0.45">
      <c r="A15" s="3" t="s">
        <v>694</v>
      </c>
      <c r="B15" s="3" t="s">
        <v>693</v>
      </c>
      <c r="C15" s="10" t="s">
        <v>692</v>
      </c>
      <c r="D15" s="7" t="s">
        <v>7</v>
      </c>
      <c r="E15" s="3" t="s">
        <v>691</v>
      </c>
    </row>
    <row r="16" spans="1:5" ht="23.4" customHeight="1" x14ac:dyDescent="0.45">
      <c r="A16" s="3" t="s">
        <v>690</v>
      </c>
      <c r="B16" s="3" t="s">
        <v>689</v>
      </c>
      <c r="C16" s="10" t="s">
        <v>688</v>
      </c>
      <c r="D16" s="7" t="s">
        <v>687</v>
      </c>
      <c r="E16" s="3" t="s">
        <v>686</v>
      </c>
    </row>
    <row r="17" spans="1:5" ht="23.4" customHeight="1" x14ac:dyDescent="0.45">
      <c r="A17" s="3" t="s">
        <v>685</v>
      </c>
      <c r="B17" s="3" t="s">
        <v>684</v>
      </c>
      <c r="C17" s="5" t="s">
        <v>683</v>
      </c>
      <c r="D17" s="7" t="s">
        <v>682</v>
      </c>
      <c r="E17" s="3" t="s">
        <v>681</v>
      </c>
    </row>
    <row r="18" spans="1:5" ht="23.4" customHeight="1" x14ac:dyDescent="0.45">
      <c r="A18" s="3" t="s">
        <v>680</v>
      </c>
      <c r="B18" s="3" t="s">
        <v>679</v>
      </c>
      <c r="C18" s="10" t="s">
        <v>678</v>
      </c>
      <c r="D18" s="7" t="s">
        <v>677</v>
      </c>
      <c r="E18" s="3" t="s">
        <v>676</v>
      </c>
    </row>
    <row r="19" spans="1:5" ht="23.4" customHeight="1" x14ac:dyDescent="0.45">
      <c r="A19" s="3" t="s">
        <v>675</v>
      </c>
      <c r="B19" s="3" t="s">
        <v>674</v>
      </c>
      <c r="C19" s="10" t="s">
        <v>673</v>
      </c>
      <c r="D19" s="7" t="s">
        <v>672</v>
      </c>
      <c r="E19" s="3" t="s">
        <v>671</v>
      </c>
    </row>
    <row r="20" spans="1:5" ht="23.4" customHeight="1" x14ac:dyDescent="0.45">
      <c r="A20" s="3" t="s">
        <v>670</v>
      </c>
      <c r="B20" s="3" t="s">
        <v>669</v>
      </c>
      <c r="C20" s="10" t="s">
        <v>668</v>
      </c>
      <c r="D20" s="7" t="s">
        <v>667</v>
      </c>
      <c r="E20" s="3" t="s">
        <v>666</v>
      </c>
    </row>
    <row r="21" spans="1:5" ht="23.4" customHeight="1" x14ac:dyDescent="0.45">
      <c r="A21" s="3" t="s">
        <v>665</v>
      </c>
      <c r="B21" s="3" t="s">
        <v>664</v>
      </c>
      <c r="C21" s="10" t="s">
        <v>663</v>
      </c>
      <c r="D21" s="7" t="s">
        <v>662</v>
      </c>
      <c r="E21" s="3" t="s">
        <v>661</v>
      </c>
    </row>
    <row r="22" spans="1:5" ht="23.4" customHeight="1" x14ac:dyDescent="0.45">
      <c r="A22" s="3" t="s">
        <v>660</v>
      </c>
      <c r="B22" s="3" t="s">
        <v>659</v>
      </c>
      <c r="C22" s="10" t="s">
        <v>658</v>
      </c>
      <c r="D22" s="7" t="s">
        <v>657</v>
      </c>
      <c r="E22" s="3" t="s">
        <v>656</v>
      </c>
    </row>
    <row r="23" spans="1:5" ht="23.4" customHeight="1" x14ac:dyDescent="0.45">
      <c r="A23" s="3" t="s">
        <v>655</v>
      </c>
      <c r="B23" s="3" t="s">
        <v>654</v>
      </c>
      <c r="C23" s="10" t="s">
        <v>653</v>
      </c>
      <c r="D23" s="7" t="s">
        <v>652</v>
      </c>
      <c r="E23" s="3" t="s">
        <v>651</v>
      </c>
    </row>
    <row r="24" spans="1:5" ht="23.4" customHeight="1" x14ac:dyDescent="0.45">
      <c r="A24" s="3" t="s">
        <v>650</v>
      </c>
      <c r="B24" s="3" t="s">
        <v>649</v>
      </c>
      <c r="C24" s="10" t="s">
        <v>648</v>
      </c>
      <c r="D24" s="7" t="s">
        <v>647</v>
      </c>
      <c r="E24" s="3" t="s">
        <v>646</v>
      </c>
    </row>
    <row r="25" spans="1:5" ht="23.4" customHeight="1" x14ac:dyDescent="0.45">
      <c r="A25" s="3" t="s">
        <v>645</v>
      </c>
      <c r="B25" s="3" t="s">
        <v>644</v>
      </c>
      <c r="C25" s="10" t="s">
        <v>643</v>
      </c>
      <c r="D25" s="7" t="s">
        <v>3</v>
      </c>
      <c r="E25" s="3" t="s">
        <v>642</v>
      </c>
    </row>
    <row r="26" spans="1:5" ht="23.4" customHeight="1" x14ac:dyDescent="0.45">
      <c r="A26" s="3" t="s">
        <v>641</v>
      </c>
      <c r="B26" s="3" t="s">
        <v>640</v>
      </c>
      <c r="C26" s="10" t="s">
        <v>639</v>
      </c>
      <c r="D26" s="7" t="s">
        <v>638</v>
      </c>
      <c r="E26" s="3" t="s">
        <v>637</v>
      </c>
    </row>
    <row r="27" spans="1:5" ht="23.4" customHeight="1" x14ac:dyDescent="0.45">
      <c r="A27" s="3" t="s">
        <v>636</v>
      </c>
      <c r="B27" s="3" t="s">
        <v>21</v>
      </c>
      <c r="C27" s="10" t="s">
        <v>20</v>
      </c>
      <c r="D27" s="7" t="s">
        <v>19</v>
      </c>
      <c r="E27" s="3" t="s">
        <v>635</v>
      </c>
    </row>
    <row r="28" spans="1:5" ht="23.4" customHeight="1" x14ac:dyDescent="0.45">
      <c r="A28" s="3" t="s">
        <v>634</v>
      </c>
      <c r="B28" s="3" t="s">
        <v>633</v>
      </c>
      <c r="C28" s="10" t="s">
        <v>632</v>
      </c>
      <c r="D28" s="7" t="s">
        <v>35</v>
      </c>
      <c r="E28" s="3" t="s">
        <v>631</v>
      </c>
    </row>
    <row r="29" spans="1:5" ht="23.4" customHeight="1" x14ac:dyDescent="0.45">
      <c r="A29" s="3" t="s">
        <v>630</v>
      </c>
      <c r="B29" s="3" t="s">
        <v>629</v>
      </c>
      <c r="C29" s="10" t="s">
        <v>628</v>
      </c>
      <c r="D29" s="7" t="s">
        <v>14</v>
      </c>
      <c r="E29" s="3" t="s">
        <v>627</v>
      </c>
    </row>
    <row r="30" spans="1:5" ht="23.4" customHeight="1" x14ac:dyDescent="0.45">
      <c r="A30" s="3" t="s">
        <v>626</v>
      </c>
      <c r="B30" s="3" t="s">
        <v>625</v>
      </c>
      <c r="C30" s="10" t="s">
        <v>624</v>
      </c>
      <c r="D30" s="7" t="s">
        <v>283</v>
      </c>
      <c r="E30" s="3" t="s">
        <v>623</v>
      </c>
    </row>
    <row r="31" spans="1:5" ht="23.4" customHeight="1" x14ac:dyDescent="0.45">
      <c r="A31" s="3" t="s">
        <v>622</v>
      </c>
      <c r="B31" s="3" t="s">
        <v>621</v>
      </c>
      <c r="C31" s="10" t="s">
        <v>620</v>
      </c>
      <c r="D31" s="7" t="s">
        <v>619</v>
      </c>
      <c r="E31" s="3" t="s">
        <v>618</v>
      </c>
    </row>
    <row r="32" spans="1:5" ht="23.4" customHeight="1" x14ac:dyDescent="0.45">
      <c r="A32" s="3" t="s">
        <v>617</v>
      </c>
      <c r="B32" s="3" t="s">
        <v>616</v>
      </c>
      <c r="C32" s="10" t="s">
        <v>615</v>
      </c>
      <c r="D32" s="7" t="s">
        <v>614</v>
      </c>
      <c r="E32" s="3" t="s">
        <v>613</v>
      </c>
    </row>
    <row r="33" spans="1:5" ht="23.4" customHeight="1" x14ac:dyDescent="0.45">
      <c r="A33" s="3" t="s">
        <v>612</v>
      </c>
      <c r="B33" s="3" t="s">
        <v>611</v>
      </c>
      <c r="C33" s="10" t="s">
        <v>610</v>
      </c>
      <c r="D33" s="7" t="s">
        <v>609</v>
      </c>
      <c r="E33" s="3" t="s">
        <v>608</v>
      </c>
    </row>
    <row r="34" spans="1:5" ht="23.4" customHeight="1" x14ac:dyDescent="0.45">
      <c r="A34" s="3" t="s">
        <v>607</v>
      </c>
      <c r="B34" s="3" t="s">
        <v>606</v>
      </c>
      <c r="C34" s="10" t="s">
        <v>605</v>
      </c>
      <c r="D34" s="7" t="s">
        <v>604</v>
      </c>
      <c r="E34" s="3" t="s">
        <v>603</v>
      </c>
    </row>
    <row r="35" spans="1:5" ht="23.4" customHeight="1" x14ac:dyDescent="0.45">
      <c r="A35" s="3" t="s">
        <v>602</v>
      </c>
      <c r="B35" s="3" t="s">
        <v>601</v>
      </c>
      <c r="C35" s="10" t="s">
        <v>600</v>
      </c>
      <c r="D35" s="7" t="s">
        <v>68</v>
      </c>
      <c r="E35" s="3" t="s">
        <v>599</v>
      </c>
    </row>
    <row r="36" spans="1:5" ht="23.4" customHeight="1" x14ac:dyDescent="0.45">
      <c r="A36" s="3" t="s">
        <v>598</v>
      </c>
      <c r="B36" s="3" t="s">
        <v>597</v>
      </c>
      <c r="C36" s="10" t="s">
        <v>596</v>
      </c>
      <c r="D36" s="7" t="s">
        <v>595</v>
      </c>
      <c r="E36" s="3" t="s">
        <v>594</v>
      </c>
    </row>
    <row r="37" spans="1:5" ht="23.4" customHeight="1" x14ac:dyDescent="0.45">
      <c r="A37" s="3" t="s">
        <v>593</v>
      </c>
      <c r="B37" s="3" t="s">
        <v>592</v>
      </c>
      <c r="C37" s="10" t="s">
        <v>591</v>
      </c>
      <c r="D37" s="7" t="s">
        <v>590</v>
      </c>
      <c r="E37" s="3" t="s">
        <v>589</v>
      </c>
    </row>
    <row r="38" spans="1:5" ht="23.4" customHeight="1" x14ac:dyDescent="0.45">
      <c r="A38" s="3" t="s">
        <v>588</v>
      </c>
      <c r="B38" s="3" t="s">
        <v>587</v>
      </c>
      <c r="C38" s="10" t="s">
        <v>586</v>
      </c>
      <c r="D38" s="7" t="s">
        <v>585</v>
      </c>
      <c r="E38" s="3" t="s">
        <v>584</v>
      </c>
    </row>
    <row r="39" spans="1:5" ht="23.4" customHeight="1" x14ac:dyDescent="0.45">
      <c r="A39" s="3" t="s">
        <v>583</v>
      </c>
      <c r="B39" s="3" t="s">
        <v>582</v>
      </c>
      <c r="C39" s="10" t="s">
        <v>581</v>
      </c>
      <c r="D39" s="7" t="s">
        <v>441</v>
      </c>
      <c r="E39" s="3" t="s">
        <v>580</v>
      </c>
    </row>
    <row r="40" spans="1:5" ht="23.4" customHeight="1" x14ac:dyDescent="0.45">
      <c r="A40" s="3" t="s">
        <v>579</v>
      </c>
      <c r="B40" s="3" t="s">
        <v>578</v>
      </c>
      <c r="C40" s="10" t="s">
        <v>577</v>
      </c>
      <c r="D40" s="7" t="s">
        <v>576</v>
      </c>
      <c r="E40" s="3" t="s">
        <v>575</v>
      </c>
    </row>
    <row r="41" spans="1:5" ht="23.4" customHeight="1" x14ac:dyDescent="0.45">
      <c r="A41" s="3" t="s">
        <v>574</v>
      </c>
      <c r="B41" s="3" t="s">
        <v>573</v>
      </c>
      <c r="C41" s="10" t="s">
        <v>572</v>
      </c>
      <c r="D41" s="7" t="s">
        <v>571</v>
      </c>
      <c r="E41" s="3" t="s">
        <v>570</v>
      </c>
    </row>
    <row r="42" spans="1:5" ht="23.4" customHeight="1" x14ac:dyDescent="0.45">
      <c r="A42" s="3" t="s">
        <v>569</v>
      </c>
      <c r="B42" s="3" t="s">
        <v>568</v>
      </c>
      <c r="C42" s="10" t="s">
        <v>567</v>
      </c>
      <c r="D42" s="7" t="s">
        <v>566</v>
      </c>
      <c r="E42" s="3" t="s">
        <v>565</v>
      </c>
    </row>
    <row r="43" spans="1:5" ht="23.4" customHeight="1" x14ac:dyDescent="0.45">
      <c r="A43" s="3" t="s">
        <v>564</v>
      </c>
      <c r="B43" s="3" t="s">
        <v>563</v>
      </c>
      <c r="C43" s="10" t="s">
        <v>562</v>
      </c>
      <c r="D43" s="7" t="s">
        <v>561</v>
      </c>
      <c r="E43" s="3" t="s">
        <v>560</v>
      </c>
    </row>
    <row r="44" spans="1:5" ht="23.4" customHeight="1" x14ac:dyDescent="0.45">
      <c r="A44" s="3" t="s">
        <v>559</v>
      </c>
      <c r="B44" s="3" t="s">
        <v>558</v>
      </c>
      <c r="C44" s="10" t="s">
        <v>557</v>
      </c>
      <c r="D44" s="7" t="s">
        <v>51</v>
      </c>
      <c r="E44" s="3" t="s">
        <v>556</v>
      </c>
    </row>
    <row r="45" spans="1:5" ht="23.4" customHeight="1" x14ac:dyDescent="0.45">
      <c r="A45" s="3" t="s">
        <v>555</v>
      </c>
      <c r="B45" s="3" t="s">
        <v>39</v>
      </c>
      <c r="C45" s="10" t="s">
        <v>38</v>
      </c>
      <c r="D45" s="7" t="s">
        <v>27</v>
      </c>
      <c r="E45" s="3" t="s">
        <v>554</v>
      </c>
    </row>
    <row r="46" spans="1:5" ht="23.4" customHeight="1" x14ac:dyDescent="0.45">
      <c r="A46" s="3" t="s">
        <v>553</v>
      </c>
      <c r="B46" s="3" t="s">
        <v>50</v>
      </c>
      <c r="C46" s="10" t="s">
        <v>49</v>
      </c>
      <c r="D46" s="7" t="s">
        <v>48</v>
      </c>
      <c r="E46" s="3" t="s">
        <v>47</v>
      </c>
    </row>
    <row r="47" spans="1:5" ht="23.4" customHeight="1" x14ac:dyDescent="0.45">
      <c r="A47" s="3" t="s">
        <v>552</v>
      </c>
      <c r="B47" s="3" t="s">
        <v>551</v>
      </c>
      <c r="C47" s="10" t="s">
        <v>550</v>
      </c>
      <c r="D47" s="7" t="s">
        <v>441</v>
      </c>
      <c r="E47" s="3" t="s">
        <v>549</v>
      </c>
    </row>
    <row r="48" spans="1:5" ht="23.4" customHeight="1" x14ac:dyDescent="0.45">
      <c r="A48" s="3" t="s">
        <v>548</v>
      </c>
      <c r="B48" s="3" t="s">
        <v>547</v>
      </c>
      <c r="C48" s="10" t="s">
        <v>546</v>
      </c>
      <c r="D48" s="7" t="s">
        <v>0</v>
      </c>
      <c r="E48" s="3" t="s">
        <v>545</v>
      </c>
    </row>
    <row r="49" spans="1:5" ht="23.4" customHeight="1" x14ac:dyDescent="0.45">
      <c r="A49" s="3" t="s">
        <v>544</v>
      </c>
      <c r="B49" s="3" t="s">
        <v>543</v>
      </c>
      <c r="C49" s="10" t="s">
        <v>542</v>
      </c>
      <c r="D49" s="7" t="s">
        <v>541</v>
      </c>
      <c r="E49" s="3" t="s">
        <v>540</v>
      </c>
    </row>
    <row r="50" spans="1:5" ht="23.4" customHeight="1" x14ac:dyDescent="0.45">
      <c r="A50" s="3" t="s">
        <v>539</v>
      </c>
      <c r="B50" s="3" t="s">
        <v>538</v>
      </c>
      <c r="C50" s="7" t="s">
        <v>537</v>
      </c>
      <c r="D50" s="7" t="s">
        <v>536</v>
      </c>
      <c r="E50" s="3" t="s">
        <v>535</v>
      </c>
    </row>
    <row r="51" spans="1:5" ht="23.4" customHeight="1" x14ac:dyDescent="0.45">
      <c r="A51" s="3" t="s">
        <v>534</v>
      </c>
      <c r="B51" s="3" t="s">
        <v>533</v>
      </c>
      <c r="C51" s="10" t="s">
        <v>532</v>
      </c>
      <c r="D51" s="7" t="s">
        <v>531</v>
      </c>
      <c r="E51" s="3" t="s">
        <v>530</v>
      </c>
    </row>
    <row r="52" spans="1:5" ht="23.4" customHeight="1" x14ac:dyDescent="0.45">
      <c r="A52" s="3" t="s">
        <v>529</v>
      </c>
      <c r="B52" s="3" t="s">
        <v>528</v>
      </c>
      <c r="C52" s="10" t="s">
        <v>527</v>
      </c>
      <c r="D52" s="7" t="s">
        <v>273</v>
      </c>
      <c r="E52" s="3" t="s">
        <v>526</v>
      </c>
    </row>
    <row r="53" spans="1:5" ht="23.4" customHeight="1" x14ac:dyDescent="0.45">
      <c r="A53" s="3" t="s">
        <v>525</v>
      </c>
      <c r="B53" s="3" t="s">
        <v>524</v>
      </c>
      <c r="C53" s="10" t="s">
        <v>523</v>
      </c>
      <c r="D53" s="7" t="s">
        <v>522</v>
      </c>
      <c r="E53" s="3" t="s">
        <v>521</v>
      </c>
    </row>
    <row r="54" spans="1:5" ht="23.4" customHeight="1" x14ac:dyDescent="0.45">
      <c r="A54" s="3" t="s">
        <v>520</v>
      </c>
      <c r="B54" s="3" t="s">
        <v>519</v>
      </c>
      <c r="C54" s="5" t="s">
        <v>518</v>
      </c>
      <c r="D54" s="7" t="s">
        <v>517</v>
      </c>
      <c r="E54" s="3" t="s">
        <v>516</v>
      </c>
    </row>
    <row r="55" spans="1:5" ht="23.4" customHeight="1" x14ac:dyDescent="0.45">
      <c r="A55" s="3" t="s">
        <v>515</v>
      </c>
      <c r="B55" s="3" t="s">
        <v>29</v>
      </c>
      <c r="C55" s="10" t="s">
        <v>28</v>
      </c>
      <c r="D55" s="7" t="s">
        <v>514</v>
      </c>
      <c r="E55" s="3" t="s">
        <v>513</v>
      </c>
    </row>
    <row r="56" spans="1:5" ht="23.4" customHeight="1" x14ac:dyDescent="0.45">
      <c r="A56" s="3" t="s">
        <v>512</v>
      </c>
      <c r="B56" s="3" t="s">
        <v>511</v>
      </c>
      <c r="C56" s="10" t="s">
        <v>510</v>
      </c>
      <c r="D56" s="7" t="s">
        <v>509</v>
      </c>
      <c r="E56" s="3" t="s">
        <v>508</v>
      </c>
    </row>
    <row r="57" spans="1:5" ht="23.4" customHeight="1" x14ac:dyDescent="0.45">
      <c r="A57" s="3" t="s">
        <v>507</v>
      </c>
      <c r="B57" s="3" t="s">
        <v>506</v>
      </c>
      <c r="C57" s="10" t="s">
        <v>505</v>
      </c>
      <c r="D57" s="7" t="s">
        <v>504</v>
      </c>
      <c r="E57" s="3" t="s">
        <v>503</v>
      </c>
    </row>
    <row r="58" spans="1:5" ht="23.4" customHeight="1" x14ac:dyDescent="0.45">
      <c r="A58" s="3" t="s">
        <v>502</v>
      </c>
      <c r="B58" s="3" t="s">
        <v>501</v>
      </c>
      <c r="C58" s="10" t="s">
        <v>500</v>
      </c>
      <c r="D58" s="7" t="s">
        <v>379</v>
      </c>
      <c r="E58" s="3" t="s">
        <v>499</v>
      </c>
    </row>
    <row r="59" spans="1:5" ht="23.4" customHeight="1" x14ac:dyDescent="0.45">
      <c r="A59" s="3" t="s">
        <v>498</v>
      </c>
      <c r="B59" s="3" t="s">
        <v>37</v>
      </c>
      <c r="C59" s="10" t="s">
        <v>36</v>
      </c>
      <c r="D59" s="7" t="s">
        <v>35</v>
      </c>
      <c r="E59" s="3" t="s">
        <v>497</v>
      </c>
    </row>
    <row r="60" spans="1:5" ht="23.4" customHeight="1" x14ac:dyDescent="0.45">
      <c r="A60" s="3" t="s">
        <v>496</v>
      </c>
      <c r="B60" s="3" t="s">
        <v>495</v>
      </c>
      <c r="C60" s="10" t="s">
        <v>494</v>
      </c>
      <c r="D60" s="7" t="s">
        <v>493</v>
      </c>
      <c r="E60" s="3" t="s">
        <v>492</v>
      </c>
    </row>
    <row r="61" spans="1:5" ht="23.4" customHeight="1" x14ac:dyDescent="0.45">
      <c r="A61" s="3" t="s">
        <v>491</v>
      </c>
      <c r="B61" s="3" t="s">
        <v>33</v>
      </c>
      <c r="C61" s="10" t="s">
        <v>32</v>
      </c>
      <c r="D61" s="7" t="s">
        <v>8</v>
      </c>
      <c r="E61" s="3" t="s">
        <v>490</v>
      </c>
    </row>
    <row r="62" spans="1:5" ht="23.4" customHeight="1" x14ac:dyDescent="0.45">
      <c r="A62" s="3" t="s">
        <v>489</v>
      </c>
      <c r="B62" s="3" t="s">
        <v>488</v>
      </c>
      <c r="C62" s="10" t="s">
        <v>487</v>
      </c>
      <c r="D62" s="7" t="s">
        <v>486</v>
      </c>
      <c r="E62" s="3" t="s">
        <v>485</v>
      </c>
    </row>
    <row r="63" spans="1:5" ht="23.4" customHeight="1" x14ac:dyDescent="0.45">
      <c r="A63" s="3" t="s">
        <v>484</v>
      </c>
      <c r="B63" s="3" t="s">
        <v>483</v>
      </c>
      <c r="C63" s="10" t="s">
        <v>482</v>
      </c>
      <c r="D63" s="7" t="s">
        <v>5</v>
      </c>
      <c r="E63" s="3" t="s">
        <v>481</v>
      </c>
    </row>
    <row r="64" spans="1:5" ht="23.4" customHeight="1" x14ac:dyDescent="0.45">
      <c r="A64" s="3" t="s">
        <v>480</v>
      </c>
      <c r="B64" s="3" t="s">
        <v>26</v>
      </c>
      <c r="C64" s="10" t="s">
        <v>25</v>
      </c>
      <c r="D64" s="7" t="s">
        <v>24</v>
      </c>
      <c r="E64" s="3" t="s">
        <v>479</v>
      </c>
    </row>
    <row r="65" spans="1:5" ht="23.4" customHeight="1" x14ac:dyDescent="0.45">
      <c r="A65" s="3" t="s">
        <v>478</v>
      </c>
      <c r="B65" s="3" t="s">
        <v>477</v>
      </c>
      <c r="C65" s="10" t="s">
        <v>476</v>
      </c>
      <c r="D65" s="7" t="s">
        <v>475</v>
      </c>
      <c r="E65" s="3" t="s">
        <v>474</v>
      </c>
    </row>
    <row r="66" spans="1:5" ht="23.4" customHeight="1" x14ac:dyDescent="0.45">
      <c r="A66" s="3" t="s">
        <v>473</v>
      </c>
      <c r="B66" s="3" t="s">
        <v>472</v>
      </c>
      <c r="C66" s="10" t="s">
        <v>471</v>
      </c>
      <c r="D66" s="7" t="s">
        <v>470</v>
      </c>
      <c r="E66" s="3" t="s">
        <v>469</v>
      </c>
    </row>
    <row r="67" spans="1:5" ht="23.4" customHeight="1" x14ac:dyDescent="0.45">
      <c r="A67" s="3" t="s">
        <v>468</v>
      </c>
      <c r="B67" s="3" t="s">
        <v>46</v>
      </c>
      <c r="C67" s="10" t="s">
        <v>467</v>
      </c>
      <c r="D67" s="7" t="s">
        <v>45</v>
      </c>
      <c r="E67" s="3" t="s">
        <v>466</v>
      </c>
    </row>
    <row r="68" spans="1:5" ht="23.4" customHeight="1" x14ac:dyDescent="0.45">
      <c r="A68" s="3" t="s">
        <v>465</v>
      </c>
      <c r="B68" s="3" t="s">
        <v>23</v>
      </c>
      <c r="C68" s="10" t="s">
        <v>22</v>
      </c>
      <c r="D68" s="7" t="s">
        <v>4</v>
      </c>
      <c r="E68" s="3" t="s">
        <v>464</v>
      </c>
    </row>
    <row r="69" spans="1:5" ht="23.4" customHeight="1" x14ac:dyDescent="0.45">
      <c r="A69" s="3" t="s">
        <v>463</v>
      </c>
      <c r="B69" s="3" t="s">
        <v>462</v>
      </c>
      <c r="C69" s="10" t="s">
        <v>461</v>
      </c>
      <c r="D69" s="7" t="s">
        <v>460</v>
      </c>
      <c r="E69" s="3" t="s">
        <v>459</v>
      </c>
    </row>
    <row r="70" spans="1:5" ht="23.4" customHeight="1" x14ac:dyDescent="0.45">
      <c r="A70" s="3" t="s">
        <v>458</v>
      </c>
      <c r="B70" s="3" t="s">
        <v>457</v>
      </c>
      <c r="C70" s="10" t="s">
        <v>456</v>
      </c>
      <c r="D70" s="7" t="s">
        <v>455</v>
      </c>
      <c r="E70" s="3" t="s">
        <v>454</v>
      </c>
    </row>
    <row r="71" spans="1:5" ht="23.4" customHeight="1" x14ac:dyDescent="0.45">
      <c r="A71" s="3" t="s">
        <v>453</v>
      </c>
      <c r="B71" s="3" t="s">
        <v>452</v>
      </c>
      <c r="C71" s="10" t="s">
        <v>451</v>
      </c>
      <c r="D71" s="7" t="s">
        <v>450</v>
      </c>
      <c r="E71" s="3" t="s">
        <v>449</v>
      </c>
    </row>
    <row r="72" spans="1:5" ht="23.4" customHeight="1" x14ac:dyDescent="0.45">
      <c r="A72" s="3" t="s">
        <v>448</v>
      </c>
      <c r="B72" s="3" t="s">
        <v>447</v>
      </c>
      <c r="C72" s="5" t="s">
        <v>446</v>
      </c>
      <c r="D72" s="7" t="s">
        <v>108</v>
      </c>
      <c r="E72" s="3" t="s">
        <v>445</v>
      </c>
    </row>
    <row r="73" spans="1:5" ht="23.4" customHeight="1" x14ac:dyDescent="0.45">
      <c r="A73" s="3" t="s">
        <v>444</v>
      </c>
      <c r="B73" s="3" t="s">
        <v>443</v>
      </c>
      <c r="C73" s="10" t="s">
        <v>442</v>
      </c>
      <c r="D73" s="7" t="s">
        <v>441</v>
      </c>
      <c r="E73" s="3" t="s">
        <v>440</v>
      </c>
    </row>
    <row r="74" spans="1:5" ht="23.4" customHeight="1" x14ac:dyDescent="0.45">
      <c r="A74" s="3" t="s">
        <v>439</v>
      </c>
      <c r="B74" s="3" t="s">
        <v>438</v>
      </c>
      <c r="C74" s="10" t="s">
        <v>437</v>
      </c>
      <c r="D74" s="7" t="s">
        <v>436</v>
      </c>
      <c r="E74" s="3" t="s">
        <v>435</v>
      </c>
    </row>
    <row r="75" spans="1:5" ht="23.4" customHeight="1" x14ac:dyDescent="0.45">
      <c r="A75" s="3" t="s">
        <v>434</v>
      </c>
      <c r="B75" s="3" t="s">
        <v>433</v>
      </c>
      <c r="C75" s="10" t="s">
        <v>432</v>
      </c>
      <c r="D75" s="7" t="s">
        <v>2</v>
      </c>
      <c r="E75" s="3" t="s">
        <v>431</v>
      </c>
    </row>
    <row r="76" spans="1:5" ht="23.4" customHeight="1" x14ac:dyDescent="0.45">
      <c r="A76" s="3" t="s">
        <v>430</v>
      </c>
      <c r="B76" s="3" t="s">
        <v>429</v>
      </c>
      <c r="C76" s="10" t="s">
        <v>428</v>
      </c>
      <c r="D76" s="7" t="s">
        <v>427</v>
      </c>
      <c r="E76" s="3" t="s">
        <v>426</v>
      </c>
    </row>
    <row r="77" spans="1:5" ht="23.4" customHeight="1" x14ac:dyDescent="0.45">
      <c r="A77" s="3" t="s">
        <v>425</v>
      </c>
      <c r="B77" s="3" t="s">
        <v>424</v>
      </c>
      <c r="C77" s="10" t="s">
        <v>423</v>
      </c>
      <c r="D77" s="7" t="s">
        <v>422</v>
      </c>
      <c r="E77" s="3" t="s">
        <v>421</v>
      </c>
    </row>
    <row r="78" spans="1:5" ht="23.4" customHeight="1" x14ac:dyDescent="0.45">
      <c r="A78" s="3" t="s">
        <v>420</v>
      </c>
      <c r="B78" s="3" t="s">
        <v>419</v>
      </c>
      <c r="C78" s="5" t="s">
        <v>418</v>
      </c>
      <c r="D78" s="7" t="s">
        <v>417</v>
      </c>
      <c r="E78" s="3" t="s">
        <v>416</v>
      </c>
    </row>
    <row r="79" spans="1:5" ht="23.4" customHeight="1" x14ac:dyDescent="0.45">
      <c r="A79" s="3" t="s">
        <v>415</v>
      </c>
      <c r="B79" s="3" t="s">
        <v>414</v>
      </c>
      <c r="C79" s="10" t="s">
        <v>413</v>
      </c>
      <c r="D79" s="7" t="s">
        <v>158</v>
      </c>
      <c r="E79" s="3" t="s">
        <v>412</v>
      </c>
    </row>
    <row r="80" spans="1:5" ht="23.4" customHeight="1" x14ac:dyDescent="0.45">
      <c r="A80" s="3" t="s">
        <v>411</v>
      </c>
      <c r="B80" s="3" t="s">
        <v>410</v>
      </c>
      <c r="C80" s="10" t="s">
        <v>409</v>
      </c>
      <c r="D80" s="7" t="s">
        <v>408</v>
      </c>
      <c r="E80" s="3" t="s">
        <v>407</v>
      </c>
    </row>
    <row r="81" spans="1:5" ht="23.4" customHeight="1" x14ac:dyDescent="0.45">
      <c r="A81" s="3" t="s">
        <v>406</v>
      </c>
      <c r="B81" s="3" t="s">
        <v>11</v>
      </c>
      <c r="C81" s="10" t="s">
        <v>10</v>
      </c>
      <c r="D81" s="7" t="s">
        <v>9</v>
      </c>
      <c r="E81" s="3" t="s">
        <v>405</v>
      </c>
    </row>
    <row r="82" spans="1:5" ht="23.4" customHeight="1" x14ac:dyDescent="0.45">
      <c r="A82" s="3" t="s">
        <v>404</v>
      </c>
      <c r="B82" s="3" t="s">
        <v>403</v>
      </c>
      <c r="C82" s="10" t="s">
        <v>402</v>
      </c>
      <c r="D82" s="7" t="s">
        <v>369</v>
      </c>
      <c r="E82" s="3" t="s">
        <v>401</v>
      </c>
    </row>
    <row r="83" spans="1:5" ht="23.4" customHeight="1" x14ac:dyDescent="0.45">
      <c r="A83" s="3" t="s">
        <v>400</v>
      </c>
      <c r="B83" s="3" t="s">
        <v>399</v>
      </c>
      <c r="C83" s="10" t="s">
        <v>398</v>
      </c>
      <c r="D83" s="7" t="s">
        <v>397</v>
      </c>
      <c r="E83" s="3" t="s">
        <v>396</v>
      </c>
    </row>
    <row r="84" spans="1:5" s="18" customFormat="1" ht="23.4" customHeight="1" x14ac:dyDescent="0.2">
      <c r="A84" s="3" t="s">
        <v>395</v>
      </c>
      <c r="B84" s="3" t="s">
        <v>394</v>
      </c>
      <c r="C84" s="10" t="s">
        <v>393</v>
      </c>
      <c r="D84" s="7" t="s">
        <v>392</v>
      </c>
      <c r="E84" s="3" t="s">
        <v>391</v>
      </c>
    </row>
    <row r="85" spans="1:5" ht="23.4" customHeight="1" x14ac:dyDescent="0.45">
      <c r="A85" s="3" t="s">
        <v>390</v>
      </c>
      <c r="B85" s="3" t="s">
        <v>18</v>
      </c>
      <c r="C85" s="10" t="s">
        <v>389</v>
      </c>
      <c r="D85" s="7" t="s">
        <v>17</v>
      </c>
      <c r="E85" s="3" t="s">
        <v>388</v>
      </c>
    </row>
    <row r="86" spans="1:5" ht="23.4" customHeight="1" x14ac:dyDescent="0.45">
      <c r="A86" s="3" t="s">
        <v>387</v>
      </c>
      <c r="B86" s="3" t="s">
        <v>386</v>
      </c>
      <c r="C86" s="10" t="s">
        <v>385</v>
      </c>
      <c r="D86" s="7" t="s">
        <v>384</v>
      </c>
      <c r="E86" s="3" t="s">
        <v>383</v>
      </c>
    </row>
    <row r="87" spans="1:5" ht="23.4" customHeight="1" x14ac:dyDescent="0.45">
      <c r="A87" s="3" t="s">
        <v>382</v>
      </c>
      <c r="B87" s="3" t="s">
        <v>381</v>
      </c>
      <c r="C87" s="10" t="s">
        <v>380</v>
      </c>
      <c r="D87" s="7" t="s">
        <v>379</v>
      </c>
      <c r="E87" s="3" t="s">
        <v>378</v>
      </c>
    </row>
    <row r="88" spans="1:5" ht="23.4" customHeight="1" x14ac:dyDescent="0.45">
      <c r="A88" s="3" t="s">
        <v>377</v>
      </c>
      <c r="B88" s="3" t="s">
        <v>376</v>
      </c>
      <c r="C88" s="5" t="s">
        <v>375</v>
      </c>
      <c r="D88" s="7" t="s">
        <v>374</v>
      </c>
      <c r="E88" s="3" t="s">
        <v>373</v>
      </c>
    </row>
    <row r="89" spans="1:5" ht="23.4" customHeight="1" x14ac:dyDescent="0.45">
      <c r="A89" s="3" t="s">
        <v>372</v>
      </c>
      <c r="B89" s="3" t="s">
        <v>371</v>
      </c>
      <c r="C89" s="5" t="s">
        <v>370</v>
      </c>
      <c r="D89" s="7" t="s">
        <v>369</v>
      </c>
      <c r="E89" s="3" t="s">
        <v>368</v>
      </c>
    </row>
    <row r="90" spans="1:5" ht="23.4" customHeight="1" x14ac:dyDescent="0.45">
      <c r="A90" s="3" t="s">
        <v>367</v>
      </c>
      <c r="B90" s="3" t="s">
        <v>13</v>
      </c>
      <c r="C90" s="5" t="s">
        <v>12</v>
      </c>
      <c r="D90" s="7" t="s">
        <v>366</v>
      </c>
      <c r="E90" s="3" t="s">
        <v>365</v>
      </c>
    </row>
    <row r="91" spans="1:5" ht="23.4" customHeight="1" x14ac:dyDescent="0.45">
      <c r="A91" s="3" t="s">
        <v>364</v>
      </c>
      <c r="B91" s="3" t="s">
        <v>30</v>
      </c>
      <c r="C91" s="5" t="s">
        <v>363</v>
      </c>
      <c r="D91" s="7" t="s">
        <v>362</v>
      </c>
      <c r="E91" s="3" t="s">
        <v>361</v>
      </c>
    </row>
    <row r="92" spans="1:5" ht="23.4" customHeight="1" x14ac:dyDescent="0.45">
      <c r="A92" s="3" t="s">
        <v>360</v>
      </c>
      <c r="B92" s="3" t="s">
        <v>359</v>
      </c>
      <c r="C92" s="5" t="s">
        <v>358</v>
      </c>
      <c r="D92" s="7" t="s">
        <v>357</v>
      </c>
      <c r="E92" s="3" t="s">
        <v>356</v>
      </c>
    </row>
    <row r="93" spans="1:5" ht="23.4" customHeight="1" x14ac:dyDescent="0.45">
      <c r="A93" s="3" t="s">
        <v>355</v>
      </c>
      <c r="B93" s="3" t="s">
        <v>354</v>
      </c>
      <c r="C93" s="5" t="s">
        <v>353</v>
      </c>
      <c r="D93" s="7" t="s">
        <v>1</v>
      </c>
      <c r="E93" s="3" t="s">
        <v>352</v>
      </c>
    </row>
    <row r="94" spans="1:5" ht="23.4" customHeight="1" x14ac:dyDescent="0.45">
      <c r="A94" s="3" t="s">
        <v>351</v>
      </c>
      <c r="B94" s="3" t="s">
        <v>350</v>
      </c>
      <c r="C94" s="5" t="s">
        <v>349</v>
      </c>
      <c r="D94" s="7" t="s">
        <v>348</v>
      </c>
      <c r="E94" s="3" t="s">
        <v>347</v>
      </c>
    </row>
    <row r="95" spans="1:5" ht="23.4" customHeight="1" x14ac:dyDescent="0.45">
      <c r="A95" s="3" t="s">
        <v>346</v>
      </c>
      <c r="B95" s="3" t="s">
        <v>345</v>
      </c>
      <c r="C95" s="5" t="s">
        <v>344</v>
      </c>
      <c r="D95" s="7" t="s">
        <v>343</v>
      </c>
      <c r="E95" s="3" t="s">
        <v>342</v>
      </c>
    </row>
    <row r="96" spans="1:5" ht="23.4" customHeight="1" x14ac:dyDescent="0.45">
      <c r="A96" s="3" t="s">
        <v>341</v>
      </c>
      <c r="B96" s="3" t="s">
        <v>340</v>
      </c>
      <c r="C96" s="5" t="s">
        <v>339</v>
      </c>
      <c r="D96" s="7" t="s">
        <v>338</v>
      </c>
      <c r="E96" s="3" t="s">
        <v>337</v>
      </c>
    </row>
    <row r="97" spans="1:5" ht="23.4" customHeight="1" x14ac:dyDescent="0.45">
      <c r="A97" s="3" t="s">
        <v>336</v>
      </c>
      <c r="B97" s="3" t="s">
        <v>335</v>
      </c>
      <c r="C97" s="5" t="s">
        <v>334</v>
      </c>
      <c r="D97" s="7" t="s">
        <v>333</v>
      </c>
      <c r="E97" s="3" t="s">
        <v>332</v>
      </c>
    </row>
    <row r="98" spans="1:5" ht="23.4" customHeight="1" x14ac:dyDescent="0.45">
      <c r="A98" s="3" t="s">
        <v>331</v>
      </c>
      <c r="B98" s="3" t="s">
        <v>330</v>
      </c>
      <c r="C98" s="5" t="s">
        <v>329</v>
      </c>
      <c r="D98" s="7" t="s">
        <v>328</v>
      </c>
      <c r="E98" s="3" t="s">
        <v>327</v>
      </c>
    </row>
    <row r="99" spans="1:5" ht="23.4" customHeight="1" x14ac:dyDescent="0.45">
      <c r="A99" s="3" t="s">
        <v>326</v>
      </c>
      <c r="B99" s="3" t="s">
        <v>325</v>
      </c>
      <c r="C99" s="5" t="s">
        <v>324</v>
      </c>
      <c r="D99" s="7" t="s">
        <v>323</v>
      </c>
      <c r="E99" s="3" t="s">
        <v>322</v>
      </c>
    </row>
    <row r="100" spans="1:5" ht="23.4" customHeight="1" x14ac:dyDescent="0.45">
      <c r="A100" s="3" t="s">
        <v>321</v>
      </c>
      <c r="B100" s="3" t="s">
        <v>320</v>
      </c>
      <c r="C100" s="5" t="s">
        <v>319</v>
      </c>
      <c r="D100" s="7" t="s">
        <v>318</v>
      </c>
      <c r="E100" s="3" t="s">
        <v>317</v>
      </c>
    </row>
    <row r="101" spans="1:5" ht="23.4" customHeight="1" x14ac:dyDescent="0.45">
      <c r="A101" s="3" t="s">
        <v>316</v>
      </c>
      <c r="B101" s="3" t="s">
        <v>315</v>
      </c>
      <c r="C101" s="7" t="s">
        <v>314</v>
      </c>
      <c r="D101" s="7" t="s">
        <v>313</v>
      </c>
      <c r="E101" s="3" t="s">
        <v>312</v>
      </c>
    </row>
    <row r="102" spans="1:5" ht="23.4" customHeight="1" x14ac:dyDescent="0.45">
      <c r="A102" s="3" t="s">
        <v>311</v>
      </c>
      <c r="B102" s="3" t="s">
        <v>310</v>
      </c>
      <c r="C102" s="5" t="s">
        <v>309</v>
      </c>
      <c r="D102" s="7" t="s">
        <v>308</v>
      </c>
      <c r="E102" s="3" t="s">
        <v>307</v>
      </c>
    </row>
    <row r="103" spans="1:5" ht="23.4" customHeight="1" x14ac:dyDescent="0.45">
      <c r="A103" s="3" t="s">
        <v>306</v>
      </c>
      <c r="B103" s="3" t="s">
        <v>305</v>
      </c>
      <c r="C103" s="5" t="s">
        <v>304</v>
      </c>
      <c r="D103" s="17" t="s">
        <v>303</v>
      </c>
      <c r="E103" s="3" t="s">
        <v>302</v>
      </c>
    </row>
    <row r="104" spans="1:5" ht="23.4" customHeight="1" x14ac:dyDescent="0.45">
      <c r="A104" s="3" t="s">
        <v>301</v>
      </c>
      <c r="B104" s="3" t="s">
        <v>300</v>
      </c>
      <c r="C104" s="5" t="s">
        <v>299</v>
      </c>
      <c r="D104" s="7" t="s">
        <v>298</v>
      </c>
      <c r="E104" s="3" t="s">
        <v>297</v>
      </c>
    </row>
    <row r="105" spans="1:5" ht="23.4" customHeight="1" x14ac:dyDescent="0.45">
      <c r="A105" s="3" t="s">
        <v>296</v>
      </c>
      <c r="B105" s="3" t="s">
        <v>295</v>
      </c>
      <c r="C105" s="5" t="s">
        <v>294</v>
      </c>
      <c r="D105" s="7" t="s">
        <v>293</v>
      </c>
      <c r="E105" s="3" t="s">
        <v>292</v>
      </c>
    </row>
    <row r="106" spans="1:5" ht="23.4" customHeight="1" x14ac:dyDescent="0.45">
      <c r="A106" s="3" t="s">
        <v>291</v>
      </c>
      <c r="B106" s="3" t="s">
        <v>290</v>
      </c>
      <c r="C106" s="10" t="s">
        <v>289</v>
      </c>
      <c r="D106" s="7" t="s">
        <v>288</v>
      </c>
      <c r="E106" s="3" t="s">
        <v>287</v>
      </c>
    </row>
    <row r="107" spans="1:5" ht="23.4" customHeight="1" x14ac:dyDescent="0.45">
      <c r="A107" s="3" t="s">
        <v>286</v>
      </c>
      <c r="B107" s="3" t="s">
        <v>285</v>
      </c>
      <c r="C107" s="10" t="s">
        <v>284</v>
      </c>
      <c r="D107" s="7" t="s">
        <v>283</v>
      </c>
      <c r="E107" s="3" t="s">
        <v>282</v>
      </c>
    </row>
    <row r="108" spans="1:5" ht="23.4" customHeight="1" x14ac:dyDescent="0.45">
      <c r="A108" s="3" t="s">
        <v>281</v>
      </c>
      <c r="B108" s="3" t="s">
        <v>280</v>
      </c>
      <c r="C108" s="5" t="s">
        <v>279</v>
      </c>
      <c r="D108" s="7" t="s">
        <v>278</v>
      </c>
      <c r="E108" s="3" t="s">
        <v>277</v>
      </c>
    </row>
    <row r="109" spans="1:5" ht="23.4" customHeight="1" x14ac:dyDescent="0.45">
      <c r="A109" s="3" t="s">
        <v>276</v>
      </c>
      <c r="B109" s="3" t="s">
        <v>275</v>
      </c>
      <c r="C109" s="10" t="s">
        <v>274</v>
      </c>
      <c r="D109" s="7" t="s">
        <v>273</v>
      </c>
      <c r="E109" s="3" t="s">
        <v>272</v>
      </c>
    </row>
    <row r="110" spans="1:5" ht="23.4" customHeight="1" x14ac:dyDescent="0.45">
      <c r="A110" s="3" t="s">
        <v>271</v>
      </c>
      <c r="B110" s="3" t="s">
        <v>270</v>
      </c>
      <c r="C110" s="10" t="s">
        <v>269</v>
      </c>
      <c r="D110" s="7" t="s">
        <v>268</v>
      </c>
      <c r="E110" s="3" t="s">
        <v>267</v>
      </c>
    </row>
    <row r="111" spans="1:5" ht="23.4" customHeight="1" x14ac:dyDescent="0.45">
      <c r="A111" s="3" t="s">
        <v>266</v>
      </c>
      <c r="B111" s="3" t="s">
        <v>265</v>
      </c>
      <c r="C111" s="10" t="s">
        <v>264</v>
      </c>
      <c r="D111" s="7" t="s">
        <v>263</v>
      </c>
      <c r="E111" s="3" t="s">
        <v>262</v>
      </c>
    </row>
    <row r="112" spans="1:5" ht="23.4" customHeight="1" x14ac:dyDescent="0.45">
      <c r="A112" s="3" t="s">
        <v>261</v>
      </c>
      <c r="B112" s="3" t="s">
        <v>260</v>
      </c>
      <c r="C112" s="5" t="s">
        <v>259</v>
      </c>
      <c r="D112" s="7" t="s">
        <v>258</v>
      </c>
      <c r="E112" s="3" t="s">
        <v>257</v>
      </c>
    </row>
    <row r="113" spans="1:5" ht="23.4" customHeight="1" x14ac:dyDescent="0.45">
      <c r="A113" s="3" t="s">
        <v>256</v>
      </c>
      <c r="B113" s="3" t="s">
        <v>255</v>
      </c>
      <c r="C113" s="5" t="s">
        <v>254</v>
      </c>
      <c r="D113" s="7" t="s">
        <v>253</v>
      </c>
      <c r="E113" s="3" t="s">
        <v>252</v>
      </c>
    </row>
    <row r="114" spans="1:5" ht="23.4" customHeight="1" x14ac:dyDescent="0.45">
      <c r="A114" s="3" t="s">
        <v>251</v>
      </c>
      <c r="B114" s="3" t="s">
        <v>250</v>
      </c>
      <c r="C114" s="5" t="s">
        <v>249</v>
      </c>
      <c r="D114" s="7" t="s">
        <v>248</v>
      </c>
      <c r="E114" s="3" t="s">
        <v>247</v>
      </c>
    </row>
    <row r="115" spans="1:5" ht="23.4" customHeight="1" x14ac:dyDescent="0.45">
      <c r="A115" s="3" t="s">
        <v>246</v>
      </c>
      <c r="B115" s="3" t="s">
        <v>245</v>
      </c>
      <c r="C115" s="5" t="s">
        <v>244</v>
      </c>
      <c r="D115" s="7" t="s">
        <v>243</v>
      </c>
      <c r="E115" s="3" t="s">
        <v>242</v>
      </c>
    </row>
    <row r="116" spans="1:5" ht="23.4" customHeight="1" x14ac:dyDescent="0.45">
      <c r="A116" s="3" t="s">
        <v>241</v>
      </c>
      <c r="B116" s="3" t="s">
        <v>240</v>
      </c>
      <c r="C116" s="16" t="s">
        <v>239</v>
      </c>
      <c r="D116" s="15" t="s">
        <v>238</v>
      </c>
      <c r="E116" s="14" t="s">
        <v>237</v>
      </c>
    </row>
    <row r="117" spans="1:5" ht="23.4" customHeight="1" x14ac:dyDescent="0.45">
      <c r="A117" s="3" t="s">
        <v>236</v>
      </c>
      <c r="B117" s="3" t="s">
        <v>235</v>
      </c>
      <c r="C117" s="5" t="s">
        <v>234</v>
      </c>
      <c r="D117" s="4" t="s">
        <v>233</v>
      </c>
      <c r="E117" s="3" t="s">
        <v>232</v>
      </c>
    </row>
    <row r="118" spans="1:5" ht="23.4" customHeight="1" x14ac:dyDescent="0.45">
      <c r="A118" s="3" t="s">
        <v>231</v>
      </c>
      <c r="B118" s="3" t="s">
        <v>230</v>
      </c>
      <c r="C118" s="5" t="s">
        <v>229</v>
      </c>
      <c r="D118" s="7" t="s">
        <v>228</v>
      </c>
      <c r="E118" s="3" t="s">
        <v>227</v>
      </c>
    </row>
    <row r="119" spans="1:5" ht="23.4" customHeight="1" x14ac:dyDescent="0.45">
      <c r="A119" s="3" t="s">
        <v>226</v>
      </c>
      <c r="B119" s="3" t="s">
        <v>31</v>
      </c>
      <c r="C119" s="5" t="s">
        <v>225</v>
      </c>
      <c r="D119" s="7" t="s">
        <v>221</v>
      </c>
      <c r="E119" s="3" t="s">
        <v>224</v>
      </c>
    </row>
    <row r="120" spans="1:5" ht="23.4" customHeight="1" x14ac:dyDescent="0.45">
      <c r="A120" s="3" t="s">
        <v>223</v>
      </c>
      <c r="B120" s="3" t="s">
        <v>16</v>
      </c>
      <c r="C120" s="5" t="s">
        <v>222</v>
      </c>
      <c r="D120" s="7" t="s">
        <v>221</v>
      </c>
      <c r="E120" s="3" t="s">
        <v>220</v>
      </c>
    </row>
    <row r="121" spans="1:5" ht="23.4" customHeight="1" x14ac:dyDescent="0.45">
      <c r="A121" s="3" t="s">
        <v>219</v>
      </c>
      <c r="B121" s="3" t="s">
        <v>218</v>
      </c>
      <c r="C121" s="5" t="s">
        <v>217</v>
      </c>
      <c r="D121" s="7" t="s">
        <v>216</v>
      </c>
      <c r="E121" s="13" t="s">
        <v>215</v>
      </c>
    </row>
    <row r="122" spans="1:5" ht="23.4" customHeight="1" x14ac:dyDescent="0.45">
      <c r="A122" s="3" t="s">
        <v>214</v>
      </c>
      <c r="B122" s="3" t="s">
        <v>213</v>
      </c>
      <c r="C122" s="5" t="s">
        <v>212</v>
      </c>
      <c r="D122" s="4" t="s">
        <v>211</v>
      </c>
      <c r="E122" s="3" t="s">
        <v>210</v>
      </c>
    </row>
    <row r="123" spans="1:5" ht="23.4" customHeight="1" x14ac:dyDescent="0.45">
      <c r="A123" s="3" t="s">
        <v>209</v>
      </c>
      <c r="B123" s="3" t="s">
        <v>208</v>
      </c>
      <c r="C123" s="5" t="s">
        <v>207</v>
      </c>
      <c r="D123" s="4" t="s">
        <v>206</v>
      </c>
      <c r="E123" s="3" t="s">
        <v>205</v>
      </c>
    </row>
    <row r="124" spans="1:5" ht="23.4" customHeight="1" x14ac:dyDescent="0.45">
      <c r="A124" s="3" t="s">
        <v>204</v>
      </c>
      <c r="B124" s="3" t="s">
        <v>203</v>
      </c>
      <c r="C124" s="5" t="s">
        <v>202</v>
      </c>
      <c r="D124" s="4" t="s">
        <v>113</v>
      </c>
      <c r="E124" s="3" t="s">
        <v>201</v>
      </c>
    </row>
    <row r="125" spans="1:5" ht="23.4" customHeight="1" x14ac:dyDescent="0.45">
      <c r="A125" s="3" t="s">
        <v>200</v>
      </c>
      <c r="B125" s="3" t="s">
        <v>199</v>
      </c>
      <c r="C125" s="5" t="s">
        <v>198</v>
      </c>
      <c r="D125" s="4" t="s">
        <v>197</v>
      </c>
      <c r="E125" s="3" t="s">
        <v>196</v>
      </c>
    </row>
    <row r="126" spans="1:5" ht="23.4" customHeight="1" x14ac:dyDescent="0.45">
      <c r="A126" s="3" t="s">
        <v>195</v>
      </c>
      <c r="B126" s="3" t="s">
        <v>194</v>
      </c>
      <c r="C126" s="5" t="s">
        <v>193</v>
      </c>
      <c r="D126" s="4" t="s">
        <v>108</v>
      </c>
      <c r="E126" s="3" t="s">
        <v>192</v>
      </c>
    </row>
    <row r="127" spans="1:5" ht="23.4" customHeight="1" x14ac:dyDescent="0.45">
      <c r="A127" s="3" t="s">
        <v>191</v>
      </c>
      <c r="B127" s="3" t="s">
        <v>190</v>
      </c>
      <c r="C127" s="5" t="s">
        <v>189</v>
      </c>
      <c r="D127" s="4" t="s">
        <v>188</v>
      </c>
      <c r="E127" s="3" t="s">
        <v>187</v>
      </c>
    </row>
    <row r="128" spans="1:5" ht="23.4" customHeight="1" x14ac:dyDescent="0.45">
      <c r="A128" s="3" t="s">
        <v>186</v>
      </c>
      <c r="B128" s="3" t="s">
        <v>185</v>
      </c>
      <c r="C128" s="10" t="s">
        <v>184</v>
      </c>
      <c r="D128" s="7" t="s">
        <v>183</v>
      </c>
      <c r="E128" s="3" t="s">
        <v>182</v>
      </c>
    </row>
    <row r="129" spans="1:5" ht="23.4" customHeight="1" x14ac:dyDescent="0.45">
      <c r="A129" s="3" t="s">
        <v>181</v>
      </c>
      <c r="B129" s="3" t="s">
        <v>180</v>
      </c>
      <c r="C129" s="10" t="s">
        <v>179</v>
      </c>
      <c r="D129" s="7" t="s">
        <v>178</v>
      </c>
      <c r="E129" s="3" t="s">
        <v>177</v>
      </c>
    </row>
    <row r="130" spans="1:5" ht="23.4" customHeight="1" x14ac:dyDescent="0.45">
      <c r="A130" s="3" t="s">
        <v>176</v>
      </c>
      <c r="B130" s="9" t="s">
        <v>175</v>
      </c>
      <c r="C130" s="10" t="s">
        <v>174</v>
      </c>
      <c r="D130" s="7" t="s">
        <v>173</v>
      </c>
      <c r="E130" s="9" t="s">
        <v>172</v>
      </c>
    </row>
    <row r="131" spans="1:5" ht="23.4" customHeight="1" x14ac:dyDescent="0.45">
      <c r="A131" s="3" t="s">
        <v>171</v>
      </c>
      <c r="B131" s="9" t="s">
        <v>170</v>
      </c>
      <c r="C131" s="10" t="s">
        <v>169</v>
      </c>
      <c r="D131" s="7" t="s">
        <v>168</v>
      </c>
      <c r="E131" s="9" t="s">
        <v>167</v>
      </c>
    </row>
    <row r="132" spans="1:5" ht="23.4" customHeight="1" x14ac:dyDescent="0.45">
      <c r="A132" s="3" t="s">
        <v>166</v>
      </c>
      <c r="B132" s="9" t="s">
        <v>165</v>
      </c>
      <c r="C132" s="10" t="s">
        <v>164</v>
      </c>
      <c r="D132" s="7" t="s">
        <v>163</v>
      </c>
      <c r="E132" s="9" t="s">
        <v>162</v>
      </c>
    </row>
    <row r="133" spans="1:5" ht="23.4" customHeight="1" x14ac:dyDescent="0.45">
      <c r="A133" s="3" t="s">
        <v>161</v>
      </c>
      <c r="B133" s="9" t="s">
        <v>160</v>
      </c>
      <c r="C133" s="10" t="s">
        <v>159</v>
      </c>
      <c r="D133" s="7" t="s">
        <v>158</v>
      </c>
      <c r="E133" s="9" t="s">
        <v>157</v>
      </c>
    </row>
    <row r="134" spans="1:5" ht="23.4" customHeight="1" x14ac:dyDescent="0.45">
      <c r="A134" s="3" t="s">
        <v>156</v>
      </c>
      <c r="B134" s="9" t="s">
        <v>155</v>
      </c>
      <c r="C134" s="10" t="s">
        <v>154</v>
      </c>
      <c r="D134" s="7" t="s">
        <v>153</v>
      </c>
      <c r="E134" s="9" t="s">
        <v>152</v>
      </c>
    </row>
    <row r="135" spans="1:5" ht="23.4" customHeight="1" x14ac:dyDescent="0.45">
      <c r="A135" s="3" t="s">
        <v>151</v>
      </c>
      <c r="B135" s="9" t="s">
        <v>150</v>
      </c>
      <c r="C135" s="10" t="s">
        <v>149</v>
      </c>
      <c r="D135" s="7" t="s">
        <v>148</v>
      </c>
      <c r="E135" s="9" t="s">
        <v>147</v>
      </c>
    </row>
    <row r="136" spans="1:5" ht="23.4" customHeight="1" x14ac:dyDescent="0.45">
      <c r="A136" s="3" t="s">
        <v>146</v>
      </c>
      <c r="B136" s="9" t="s">
        <v>145</v>
      </c>
      <c r="C136" s="10" t="s">
        <v>144</v>
      </c>
      <c r="D136" s="7" t="s">
        <v>143</v>
      </c>
      <c r="E136" s="9" t="s">
        <v>142</v>
      </c>
    </row>
    <row r="137" spans="1:5" ht="23.4" customHeight="1" x14ac:dyDescent="0.45">
      <c r="A137" s="3" t="s">
        <v>141</v>
      </c>
      <c r="B137" s="9" t="s">
        <v>140</v>
      </c>
      <c r="C137" s="10" t="s">
        <v>139</v>
      </c>
      <c r="D137" s="7" t="s">
        <v>138</v>
      </c>
      <c r="E137" s="9" t="s">
        <v>137</v>
      </c>
    </row>
    <row r="138" spans="1:5" ht="23.4" customHeight="1" x14ac:dyDescent="0.45">
      <c r="A138" s="3" t="s">
        <v>136</v>
      </c>
      <c r="B138" s="9" t="s">
        <v>135</v>
      </c>
      <c r="C138" s="10" t="s">
        <v>134</v>
      </c>
      <c r="D138" s="7" t="s">
        <v>133</v>
      </c>
      <c r="E138" s="9" t="s">
        <v>132</v>
      </c>
    </row>
    <row r="139" spans="1:5" ht="23.4" customHeight="1" x14ac:dyDescent="0.45">
      <c r="A139" s="3" t="s">
        <v>131</v>
      </c>
      <c r="B139" s="9" t="s">
        <v>130</v>
      </c>
      <c r="C139" s="10" t="s">
        <v>129</v>
      </c>
      <c r="D139" s="7" t="s">
        <v>128</v>
      </c>
      <c r="E139" s="9" t="s">
        <v>127</v>
      </c>
    </row>
    <row r="140" spans="1:5" ht="23.4" customHeight="1" x14ac:dyDescent="0.45">
      <c r="A140" s="3" t="s">
        <v>126</v>
      </c>
      <c r="B140" s="9" t="s">
        <v>125</v>
      </c>
      <c r="C140" s="8" t="s">
        <v>124</v>
      </c>
      <c r="D140" s="7" t="s">
        <v>123</v>
      </c>
      <c r="E140" s="9" t="s">
        <v>122</v>
      </c>
    </row>
    <row r="141" spans="1:5" ht="23.4" customHeight="1" x14ac:dyDescent="0.45">
      <c r="A141" s="3" t="s">
        <v>121</v>
      </c>
      <c r="B141" s="9" t="s">
        <v>120</v>
      </c>
      <c r="C141" s="8" t="s">
        <v>119</v>
      </c>
      <c r="D141" s="7" t="s">
        <v>118</v>
      </c>
      <c r="E141" s="9" t="s">
        <v>117</v>
      </c>
    </row>
    <row r="142" spans="1:5" ht="23.4" customHeight="1" x14ac:dyDescent="0.45">
      <c r="A142" s="3" t="s">
        <v>116</v>
      </c>
      <c r="B142" s="9" t="s">
        <v>115</v>
      </c>
      <c r="C142" s="8" t="s">
        <v>114</v>
      </c>
      <c r="D142" s="7" t="s">
        <v>113</v>
      </c>
      <c r="E142" s="3" t="s">
        <v>112</v>
      </c>
    </row>
    <row r="143" spans="1:5" ht="23.4" customHeight="1" x14ac:dyDescent="0.45">
      <c r="A143" s="3" t="s">
        <v>111</v>
      </c>
      <c r="B143" s="9" t="s">
        <v>110</v>
      </c>
      <c r="C143" s="8" t="s">
        <v>109</v>
      </c>
      <c r="D143" s="7" t="s">
        <v>108</v>
      </c>
      <c r="E143" s="3" t="s">
        <v>107</v>
      </c>
    </row>
    <row r="144" spans="1:5" ht="23.4" customHeight="1" x14ac:dyDescent="0.45">
      <c r="A144" s="3" t="s">
        <v>106</v>
      </c>
      <c r="B144" s="9" t="s">
        <v>105</v>
      </c>
      <c r="C144" s="8" t="s">
        <v>104</v>
      </c>
      <c r="D144" s="7" t="s">
        <v>103</v>
      </c>
      <c r="E144" s="3" t="s">
        <v>102</v>
      </c>
    </row>
    <row r="145" spans="1:5" ht="23.4" customHeight="1" x14ac:dyDescent="0.45">
      <c r="A145" s="3" t="s">
        <v>101</v>
      </c>
      <c r="B145" s="9" t="s">
        <v>100</v>
      </c>
      <c r="C145" s="10" t="s">
        <v>99</v>
      </c>
      <c r="D145" s="7" t="s">
        <v>98</v>
      </c>
      <c r="E145" s="3" t="s">
        <v>97</v>
      </c>
    </row>
    <row r="146" spans="1:5" ht="23.4" customHeight="1" x14ac:dyDescent="0.45">
      <c r="A146" s="3" t="s">
        <v>96</v>
      </c>
      <c r="B146" s="9" t="s">
        <v>95</v>
      </c>
      <c r="C146" s="10" t="s">
        <v>94</v>
      </c>
      <c r="D146" s="7" t="s">
        <v>93</v>
      </c>
      <c r="E146" s="3" t="s">
        <v>92</v>
      </c>
    </row>
    <row r="147" spans="1:5" ht="23.4" customHeight="1" x14ac:dyDescent="0.45">
      <c r="A147" s="3" t="s">
        <v>91</v>
      </c>
      <c r="B147" s="3" t="s">
        <v>90</v>
      </c>
      <c r="C147" s="5" t="s">
        <v>89</v>
      </c>
      <c r="D147" s="7" t="s">
        <v>88</v>
      </c>
      <c r="E147" s="9" t="s">
        <v>87</v>
      </c>
    </row>
    <row r="148" spans="1:5" s="6" customFormat="1" ht="22.5" customHeight="1" x14ac:dyDescent="0.45">
      <c r="A148" s="3" t="s">
        <v>86</v>
      </c>
      <c r="B148" s="3" t="s">
        <v>85</v>
      </c>
      <c r="C148" s="5" t="s">
        <v>84</v>
      </c>
      <c r="D148" s="7" t="s">
        <v>83</v>
      </c>
      <c r="E148" s="9" t="s">
        <v>82</v>
      </c>
    </row>
    <row r="149" spans="1:5" s="6" customFormat="1" ht="22.5" customHeight="1" x14ac:dyDescent="0.45">
      <c r="A149" s="3" t="s">
        <v>81</v>
      </c>
      <c r="B149" s="3" t="s">
        <v>80</v>
      </c>
      <c r="C149" s="5" t="s">
        <v>79</v>
      </c>
      <c r="D149" s="7" t="s">
        <v>78</v>
      </c>
      <c r="E149" s="9" t="s">
        <v>77</v>
      </c>
    </row>
    <row r="150" spans="1:5" s="6" customFormat="1" ht="22.5" customHeight="1" x14ac:dyDescent="0.45">
      <c r="A150" s="3" t="s">
        <v>76</v>
      </c>
      <c r="B150" s="3" t="s">
        <v>75</v>
      </c>
      <c r="C150" s="5" t="s">
        <v>74</v>
      </c>
      <c r="D150" s="7" t="s">
        <v>73</v>
      </c>
      <c r="E150" s="9" t="s">
        <v>72</v>
      </c>
    </row>
    <row r="151" spans="1:5" ht="22.5" customHeight="1" x14ac:dyDescent="0.45">
      <c r="A151" s="3" t="s">
        <v>71</v>
      </c>
      <c r="B151" s="3" t="s">
        <v>70</v>
      </c>
      <c r="C151" s="5" t="s">
        <v>69</v>
      </c>
      <c r="D151" s="7" t="s">
        <v>68</v>
      </c>
      <c r="E151" s="3" t="s">
        <v>67</v>
      </c>
    </row>
    <row r="152" spans="1:5" ht="22.5" customHeight="1" x14ac:dyDescent="0.45">
      <c r="A152" s="3" t="s">
        <v>66</v>
      </c>
      <c r="B152" s="3" t="s">
        <v>65</v>
      </c>
      <c r="C152" s="5" t="s">
        <v>64</v>
      </c>
      <c r="D152" s="7" t="s">
        <v>63</v>
      </c>
      <c r="E152" s="3" t="s">
        <v>62</v>
      </c>
    </row>
    <row r="153" spans="1:5" ht="22.5" customHeight="1" x14ac:dyDescent="0.45">
      <c r="A153" s="3" t="s">
        <v>61</v>
      </c>
      <c r="B153" s="3" t="s">
        <v>60</v>
      </c>
      <c r="C153" s="5" t="s">
        <v>59</v>
      </c>
      <c r="D153" s="7" t="s">
        <v>58</v>
      </c>
      <c r="E153" s="3" t="s">
        <v>57</v>
      </c>
    </row>
    <row r="154" spans="1:5" ht="22.5" customHeight="1" x14ac:dyDescent="0.45">
      <c r="A154" s="3" t="s">
        <v>56</v>
      </c>
      <c r="B154" s="3" t="s">
        <v>55</v>
      </c>
      <c r="C154" s="5" t="s">
        <v>54</v>
      </c>
      <c r="D154" s="7" t="s">
        <v>53</v>
      </c>
      <c r="E154" s="3" t="s">
        <v>52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orientation="landscape" useFirstPageNumber="1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５号（貯）登録</vt:lpstr>
      <vt:lpstr>'５号（貯）登録'!Print_Titles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0-23T04:44:04Z</cp:lastPrinted>
  <dcterms:created xsi:type="dcterms:W3CDTF">2025-10-23T04:23:13Z</dcterms:created>
  <dcterms:modified xsi:type="dcterms:W3CDTF">2025-10-23T04:44:15Z</dcterms:modified>
</cp:coreProperties>
</file>